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Masters/slideMaster12.xml" ContentType="application/vnd.openxmlformats-officedocument.presentationml.slideMaster+xml"/>
  <Override PartName="/ppt/slideMasters/slideMaster13.xml" ContentType="application/vnd.openxmlformats-officedocument.presentationml.slideMaster+xml"/>
  <Override PartName="/ppt/slideMasters/slideMaster14.xml" ContentType="application/vnd.openxmlformats-officedocument.presentationml.slideMaster+xml"/>
  <Override PartName="/ppt/slideMasters/slideMaster1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3.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4.xml" ContentType="application/vnd.openxmlformats-officedocument.theme+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theme/theme5.xml" ContentType="application/vnd.openxmlformats-officedocument.theme+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theme/theme6.xml" ContentType="application/vnd.openxmlformats-officedocument.theme+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theme/theme7.xml" ContentType="application/vnd.openxmlformats-officedocument.theme+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theme/theme8.xml" ContentType="application/vnd.openxmlformats-officedocument.theme+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theme/theme9.xml" ContentType="application/vnd.openxmlformats-officedocument.theme+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theme/theme10.xml" ContentType="application/vnd.openxmlformats-officedocument.theme+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slideLayouts/slideLayout109.xml" ContentType="application/vnd.openxmlformats-officedocument.presentationml.slideLayout+xml"/>
  <Override PartName="/ppt/slideLayouts/slideLayout110.xml" ContentType="application/vnd.openxmlformats-officedocument.presentationml.slideLayout+xml"/>
  <Override PartName="/ppt/theme/theme11.xml" ContentType="application/vnd.openxmlformats-officedocument.theme+xml"/>
  <Override PartName="/ppt/slideLayouts/slideLayout111.xml" ContentType="application/vnd.openxmlformats-officedocument.presentationml.slideLayout+xml"/>
  <Override PartName="/ppt/slideLayouts/slideLayout112.xml" ContentType="application/vnd.openxmlformats-officedocument.presentationml.slideLayout+xml"/>
  <Override PartName="/ppt/slideLayouts/slideLayout113.xml" ContentType="application/vnd.openxmlformats-officedocument.presentationml.slideLayout+xml"/>
  <Override PartName="/ppt/slideLayouts/slideLayout114.xml" ContentType="application/vnd.openxmlformats-officedocument.presentationml.slideLayout+xml"/>
  <Override PartName="/ppt/slideLayouts/slideLayout115.xml" ContentType="application/vnd.openxmlformats-officedocument.presentationml.slideLayout+xml"/>
  <Override PartName="/ppt/slideLayouts/slideLayout116.xml" ContentType="application/vnd.openxmlformats-officedocument.presentationml.slideLayout+xml"/>
  <Override PartName="/ppt/slideLayouts/slideLayout117.xml" ContentType="application/vnd.openxmlformats-officedocument.presentationml.slideLayout+xml"/>
  <Override PartName="/ppt/slideLayouts/slideLayout118.xml" ContentType="application/vnd.openxmlformats-officedocument.presentationml.slideLayout+xml"/>
  <Override PartName="/ppt/slideLayouts/slideLayout119.xml" ContentType="application/vnd.openxmlformats-officedocument.presentationml.slideLayout+xml"/>
  <Override PartName="/ppt/slideLayouts/slideLayout120.xml" ContentType="application/vnd.openxmlformats-officedocument.presentationml.slideLayout+xml"/>
  <Override PartName="/ppt/slideLayouts/slideLayout121.xml" ContentType="application/vnd.openxmlformats-officedocument.presentationml.slideLayout+xml"/>
  <Override PartName="/ppt/theme/theme12.xml" ContentType="application/vnd.openxmlformats-officedocument.theme+xml"/>
  <Override PartName="/ppt/slideLayouts/slideLayout122.xml" ContentType="application/vnd.openxmlformats-officedocument.presentationml.slideLayout+xml"/>
  <Override PartName="/ppt/slideLayouts/slideLayout123.xml" ContentType="application/vnd.openxmlformats-officedocument.presentationml.slideLayout+xml"/>
  <Override PartName="/ppt/slideLayouts/slideLayout124.xml" ContentType="application/vnd.openxmlformats-officedocument.presentationml.slideLayout+xml"/>
  <Override PartName="/ppt/slideLayouts/slideLayout125.xml" ContentType="application/vnd.openxmlformats-officedocument.presentationml.slideLayout+xml"/>
  <Override PartName="/ppt/slideLayouts/slideLayout126.xml" ContentType="application/vnd.openxmlformats-officedocument.presentationml.slideLayout+xml"/>
  <Override PartName="/ppt/slideLayouts/slideLayout127.xml" ContentType="application/vnd.openxmlformats-officedocument.presentationml.slideLayout+xml"/>
  <Override PartName="/ppt/slideLayouts/slideLayout128.xml" ContentType="application/vnd.openxmlformats-officedocument.presentationml.slideLayout+xml"/>
  <Override PartName="/ppt/slideLayouts/slideLayout129.xml" ContentType="application/vnd.openxmlformats-officedocument.presentationml.slideLayout+xml"/>
  <Override PartName="/ppt/slideLayouts/slideLayout130.xml" ContentType="application/vnd.openxmlformats-officedocument.presentationml.slideLayout+xml"/>
  <Override PartName="/ppt/slideLayouts/slideLayout131.xml" ContentType="application/vnd.openxmlformats-officedocument.presentationml.slideLayout+xml"/>
  <Override PartName="/ppt/slideLayouts/slideLayout132.xml" ContentType="application/vnd.openxmlformats-officedocument.presentationml.slideLayout+xml"/>
  <Override PartName="/ppt/theme/theme13.xml" ContentType="application/vnd.openxmlformats-officedocument.theme+xml"/>
  <Override PartName="/ppt/slideLayouts/slideLayout133.xml" ContentType="application/vnd.openxmlformats-officedocument.presentationml.slideLayout+xml"/>
  <Override PartName="/ppt/slideLayouts/slideLayout134.xml" ContentType="application/vnd.openxmlformats-officedocument.presentationml.slideLayout+xml"/>
  <Override PartName="/ppt/slideLayouts/slideLayout135.xml" ContentType="application/vnd.openxmlformats-officedocument.presentationml.slideLayout+xml"/>
  <Override PartName="/ppt/slideLayouts/slideLayout136.xml" ContentType="application/vnd.openxmlformats-officedocument.presentationml.slideLayout+xml"/>
  <Override PartName="/ppt/slideLayouts/slideLayout137.xml" ContentType="application/vnd.openxmlformats-officedocument.presentationml.slideLayout+xml"/>
  <Override PartName="/ppt/slideLayouts/slideLayout138.xml" ContentType="application/vnd.openxmlformats-officedocument.presentationml.slideLayout+xml"/>
  <Override PartName="/ppt/slideLayouts/slideLayout139.xml" ContentType="application/vnd.openxmlformats-officedocument.presentationml.slideLayout+xml"/>
  <Override PartName="/ppt/slideLayouts/slideLayout140.xml" ContentType="application/vnd.openxmlformats-officedocument.presentationml.slideLayout+xml"/>
  <Override PartName="/ppt/slideLayouts/slideLayout141.xml" ContentType="application/vnd.openxmlformats-officedocument.presentationml.slideLayout+xml"/>
  <Override PartName="/ppt/slideLayouts/slideLayout142.xml" ContentType="application/vnd.openxmlformats-officedocument.presentationml.slideLayout+xml"/>
  <Override PartName="/ppt/slideLayouts/slideLayout143.xml" ContentType="application/vnd.openxmlformats-officedocument.presentationml.slideLayout+xml"/>
  <Override PartName="/ppt/theme/theme14.xml" ContentType="application/vnd.openxmlformats-officedocument.theme+xml"/>
  <Override PartName="/ppt/slideLayouts/slideLayout144.xml" ContentType="application/vnd.openxmlformats-officedocument.presentationml.slideLayout+xml"/>
  <Override PartName="/ppt/theme/theme15.xml" ContentType="application/vnd.openxmlformats-officedocument.theme+xml"/>
  <Override PartName="/ppt/theme/theme16.xml" ContentType="application/vnd.openxmlformats-officedocument.theme+xml"/>
  <Override PartName="/ppt/theme/theme17.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notesSlides/notesSlide7.xml" ContentType="application/vnd.openxmlformats-officedocument.presentationml.notesSlide+xml"/>
  <Override PartName="/ppt/charts/chart4.xml" ContentType="application/vnd.openxmlformats-officedocument.drawingml.chart+xml"/>
  <Override PartName="/ppt/charts/chart5.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8.xml" ContentType="application/vnd.openxmlformats-officedocument.presentationml.notesSlide+xml"/>
  <Override PartName="/ppt/charts/chart6.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9.xml" ContentType="application/vnd.openxmlformats-officedocument.presentationml.notesSlide+xml"/>
  <Override PartName="/ppt/charts/chart7.xml" ContentType="application/vnd.openxmlformats-officedocument.drawingml.chart+xml"/>
  <Override PartName="/ppt/charts/style6.xml" ContentType="application/vnd.ms-office.chartstyle+xml"/>
  <Override PartName="/ppt/charts/colors6.xml" ContentType="application/vnd.ms-office.chartcolorstyle+xml"/>
  <Override PartName="/ppt/charts/chart8.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charts/chart9.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12.xml" ContentType="application/vnd.openxmlformats-officedocument.presentationml.notesSlide+xml"/>
  <Override PartName="/ppt/charts/chart10.xml" ContentType="application/vnd.openxmlformats-officedocument.drawingml.chart+xml"/>
  <Override PartName="/ppt/charts/style9.xml" ContentType="application/vnd.ms-office.chartstyle+xml"/>
  <Override PartName="/ppt/charts/colors9.xml" ContentType="application/vnd.ms-office.chartcolorstyle+xml"/>
  <Override PartName="/ppt/drawings/drawing1.xml" ContentType="application/vnd.openxmlformats-officedocument.drawingml.chartshapes+xml"/>
  <Override PartName="/ppt/notesSlides/notesSlide13.xml" ContentType="application/vnd.openxmlformats-officedocument.presentationml.notesSlide+xml"/>
  <Override PartName="/ppt/charts/chart11.xml" ContentType="application/vnd.openxmlformats-officedocument.drawingml.chart+xml"/>
  <Override PartName="/ppt/charts/style10.xml" ContentType="application/vnd.ms-office.chartstyle+xml"/>
  <Override PartName="/ppt/charts/colors10.xml" ContentType="application/vnd.ms-office.chartcolorstyle+xml"/>
  <Override PartName="/ppt/theme/themeOverride1.xml" ContentType="application/vnd.openxmlformats-officedocument.themeOverride+xml"/>
  <Override PartName="/ppt/charts/chart12.xml" ContentType="application/vnd.openxmlformats-officedocument.drawingml.chart+xml"/>
  <Override PartName="/ppt/charts/style11.xml" ContentType="application/vnd.ms-office.chartstyle+xml"/>
  <Override PartName="/ppt/charts/colors11.xml" ContentType="application/vnd.ms-office.chartcolorstyle+xml"/>
  <Override PartName="/ppt/theme/themeOverride2.xml" ContentType="application/vnd.openxmlformats-officedocument.themeOverride+xml"/>
  <Override PartName="/ppt/drawings/drawing2.xml" ContentType="application/vnd.openxmlformats-officedocument.drawingml.chartshapes+xml"/>
  <Override PartName="/ppt/notesSlides/notesSlide14.xml" ContentType="application/vnd.openxmlformats-officedocument.presentationml.notesSlide+xml"/>
  <Override PartName="/ppt/charts/chart13.xml" ContentType="application/vnd.openxmlformats-officedocument.drawingml.chart+xml"/>
  <Override PartName="/ppt/drawings/drawing3.xml" ContentType="application/vnd.openxmlformats-officedocument.drawingml.chartshapes+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charts/chart14.xml" ContentType="application/vnd.openxmlformats-officedocument.drawingml.chart+xml"/>
  <Override PartName="/ppt/drawings/drawing4.xml" ContentType="application/vnd.openxmlformats-officedocument.drawingml.chartshapes+xml"/>
  <Override PartName="/ppt/notesSlides/notesSlide25.xml" ContentType="application/vnd.openxmlformats-officedocument.presentationml.notesSlide+xml"/>
  <Override PartName="/ppt/notesSlides/notesSlide2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51" r:id="rId1"/>
    <p:sldMasterId id="2147483665" r:id="rId2"/>
    <p:sldMasterId id="2147483677" r:id="rId3"/>
    <p:sldMasterId id="2147483689" r:id="rId4"/>
    <p:sldMasterId id="2147483701" r:id="rId5"/>
    <p:sldMasterId id="2147483713" r:id="rId6"/>
    <p:sldMasterId id="2147483725" r:id="rId7"/>
    <p:sldMasterId id="2147483737" r:id="rId8"/>
    <p:sldMasterId id="2147483749" r:id="rId9"/>
    <p:sldMasterId id="2147483761" r:id="rId10"/>
    <p:sldMasterId id="2147483773" r:id="rId11"/>
    <p:sldMasterId id="2147483785" r:id="rId12"/>
    <p:sldMasterId id="2147483797" r:id="rId13"/>
    <p:sldMasterId id="2147483809" r:id="rId14"/>
    <p:sldMasterId id="2147483954" r:id="rId15"/>
  </p:sldMasterIdLst>
  <p:notesMasterIdLst>
    <p:notesMasterId r:id="rId42"/>
  </p:notesMasterIdLst>
  <p:handoutMasterIdLst>
    <p:handoutMasterId r:id="rId43"/>
  </p:handoutMasterIdLst>
  <p:sldIdLst>
    <p:sldId id="322" r:id="rId16"/>
    <p:sldId id="291" r:id="rId17"/>
    <p:sldId id="290" r:id="rId18"/>
    <p:sldId id="271" r:id="rId19"/>
    <p:sldId id="272" r:id="rId20"/>
    <p:sldId id="332" r:id="rId21"/>
    <p:sldId id="274" r:id="rId22"/>
    <p:sldId id="278" r:id="rId23"/>
    <p:sldId id="279" r:id="rId24"/>
    <p:sldId id="275" r:id="rId25"/>
    <p:sldId id="331" r:id="rId26"/>
    <p:sldId id="277" r:id="rId27"/>
    <p:sldId id="311" r:id="rId28"/>
    <p:sldId id="281" r:id="rId29"/>
    <p:sldId id="298" r:id="rId30"/>
    <p:sldId id="333" r:id="rId31"/>
    <p:sldId id="334" r:id="rId32"/>
    <p:sldId id="335" r:id="rId33"/>
    <p:sldId id="336" r:id="rId34"/>
    <p:sldId id="337" r:id="rId35"/>
    <p:sldId id="338" r:id="rId36"/>
    <p:sldId id="339" r:id="rId37"/>
    <p:sldId id="343" r:id="rId38"/>
    <p:sldId id="341" r:id="rId39"/>
    <p:sldId id="342" r:id="rId40"/>
    <p:sldId id="312" r:id="rId41"/>
  </p:sldIdLst>
  <p:sldSz cx="9144000" cy="6858000" type="screen4x3"/>
  <p:notesSz cx="7010400" cy="9296400"/>
  <p:defaultTextStyle>
    <a:defPPr>
      <a:defRPr lang="ru-RU"/>
    </a:defPPr>
    <a:lvl1pPr algn="l" rtl="0" eaLnBrk="0" fontAlgn="base" hangingPunct="0">
      <a:spcBef>
        <a:spcPct val="0"/>
      </a:spcBef>
      <a:spcAft>
        <a:spcPct val="0"/>
      </a:spcAft>
      <a:defRPr kern="1200">
        <a:solidFill>
          <a:schemeClr val="tx1"/>
        </a:solidFill>
        <a:latin typeface="Calibri" pitchFamily="34" charset="0"/>
        <a:ea typeface="+mn-ea"/>
        <a:cs typeface="Arial" charset="0"/>
      </a:defRPr>
    </a:lvl1pPr>
    <a:lvl2pPr marL="457200" algn="l" rtl="0" eaLnBrk="0" fontAlgn="base" hangingPunct="0">
      <a:spcBef>
        <a:spcPct val="0"/>
      </a:spcBef>
      <a:spcAft>
        <a:spcPct val="0"/>
      </a:spcAft>
      <a:defRPr kern="1200">
        <a:solidFill>
          <a:schemeClr val="tx1"/>
        </a:solidFill>
        <a:latin typeface="Calibri" pitchFamily="34" charset="0"/>
        <a:ea typeface="+mn-ea"/>
        <a:cs typeface="Arial" charset="0"/>
      </a:defRPr>
    </a:lvl2pPr>
    <a:lvl3pPr marL="914400" algn="l" rtl="0" eaLnBrk="0" fontAlgn="base" hangingPunct="0">
      <a:spcBef>
        <a:spcPct val="0"/>
      </a:spcBef>
      <a:spcAft>
        <a:spcPct val="0"/>
      </a:spcAft>
      <a:defRPr kern="1200">
        <a:solidFill>
          <a:schemeClr val="tx1"/>
        </a:solidFill>
        <a:latin typeface="Calibri" pitchFamily="34" charset="0"/>
        <a:ea typeface="+mn-ea"/>
        <a:cs typeface="Arial" charset="0"/>
      </a:defRPr>
    </a:lvl3pPr>
    <a:lvl4pPr marL="1371600" algn="l" rtl="0" eaLnBrk="0" fontAlgn="base" hangingPunct="0">
      <a:spcBef>
        <a:spcPct val="0"/>
      </a:spcBef>
      <a:spcAft>
        <a:spcPct val="0"/>
      </a:spcAft>
      <a:defRPr kern="1200">
        <a:solidFill>
          <a:schemeClr val="tx1"/>
        </a:solidFill>
        <a:latin typeface="Calibri" pitchFamily="34" charset="0"/>
        <a:ea typeface="+mn-ea"/>
        <a:cs typeface="Arial" charset="0"/>
      </a:defRPr>
    </a:lvl4pPr>
    <a:lvl5pPr marL="1828800" algn="l" rtl="0" eaLnBrk="0" fontAlgn="base" hangingPunct="0">
      <a:spcBef>
        <a:spcPct val="0"/>
      </a:spcBef>
      <a:spcAft>
        <a:spcPct val="0"/>
      </a:spcAft>
      <a:defRPr kern="1200">
        <a:solidFill>
          <a:schemeClr val="tx1"/>
        </a:solidFill>
        <a:latin typeface="Calibri" pitchFamily="34" charset="0"/>
        <a:ea typeface="+mn-ea"/>
        <a:cs typeface="Arial" charset="0"/>
      </a:defRPr>
    </a:lvl5pPr>
    <a:lvl6pPr marL="2286000" algn="l" defTabSz="914400" rtl="0" eaLnBrk="1" latinLnBrk="0" hangingPunct="1">
      <a:defRPr kern="1200">
        <a:solidFill>
          <a:schemeClr val="tx1"/>
        </a:solidFill>
        <a:latin typeface="Calibri" pitchFamily="34" charset="0"/>
        <a:ea typeface="+mn-ea"/>
        <a:cs typeface="Arial" charset="0"/>
      </a:defRPr>
    </a:lvl6pPr>
    <a:lvl7pPr marL="2743200" algn="l" defTabSz="914400" rtl="0" eaLnBrk="1" latinLnBrk="0" hangingPunct="1">
      <a:defRPr kern="1200">
        <a:solidFill>
          <a:schemeClr val="tx1"/>
        </a:solidFill>
        <a:latin typeface="Calibri" pitchFamily="34" charset="0"/>
        <a:ea typeface="+mn-ea"/>
        <a:cs typeface="Arial" charset="0"/>
      </a:defRPr>
    </a:lvl7pPr>
    <a:lvl8pPr marL="3200400" algn="l" defTabSz="914400" rtl="0" eaLnBrk="1" latinLnBrk="0" hangingPunct="1">
      <a:defRPr kern="1200">
        <a:solidFill>
          <a:schemeClr val="tx1"/>
        </a:solidFill>
        <a:latin typeface="Calibri" pitchFamily="34" charset="0"/>
        <a:ea typeface="+mn-ea"/>
        <a:cs typeface="Arial" charset="0"/>
      </a:defRPr>
    </a:lvl8pPr>
    <a:lvl9pPr marL="3657600" algn="l" defTabSz="914400" rtl="0" eaLnBrk="1" latinLnBrk="0" hangingPunct="1">
      <a:defRPr kern="1200">
        <a:solidFill>
          <a:schemeClr val="tx1"/>
        </a:solidFill>
        <a:latin typeface="Calibri" pitchFamily="34" charset="0"/>
        <a:ea typeface="+mn-ea"/>
        <a:cs typeface="Arial" charset="0"/>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9900"/>
    <a:srgbClr val="0000CC"/>
    <a:srgbClr val="33CCCC"/>
    <a:srgbClr val="99358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4119" autoAdjust="0"/>
    <p:restoredTop sz="77166" autoAdjust="0"/>
  </p:normalViewPr>
  <p:slideViewPr>
    <p:cSldViewPr>
      <p:cViewPr varScale="1">
        <p:scale>
          <a:sx n="52" d="100"/>
          <a:sy n="52" d="100"/>
        </p:scale>
        <p:origin x="2100" y="78"/>
      </p:cViewPr>
      <p:guideLst>
        <p:guide orient="horz" pos="2160"/>
        <p:guide pos="2880"/>
      </p:guideLst>
    </p:cSldViewPr>
  </p:slideViewPr>
  <p:outlineViewPr>
    <p:cViewPr>
      <p:scale>
        <a:sx n="33" d="100"/>
        <a:sy n="33" d="100"/>
      </p:scale>
      <p:origin x="0" y="0"/>
    </p:cViewPr>
    <p:sldLst>
      <p:sld r:id="rId1" collapse="1"/>
    </p:sldLst>
  </p:outlineViewPr>
  <p:notesTextViewPr>
    <p:cViewPr>
      <p:scale>
        <a:sx n="1" d="1"/>
        <a:sy n="1" d="1"/>
      </p:scale>
      <p:origin x="0" y="0"/>
    </p:cViewPr>
  </p:notesTextViewPr>
  <p:notesViewPr>
    <p:cSldViewPr>
      <p:cViewPr>
        <p:scale>
          <a:sx n="80" d="100"/>
          <a:sy n="80" d="100"/>
        </p:scale>
        <p:origin x="3882" y="180"/>
      </p:cViewPr>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Master" Target="slideMasters/slideMaster8.xml"/><Relationship Id="rId13" Type="http://schemas.openxmlformats.org/officeDocument/2006/relationships/slideMaster" Target="slideMasters/slideMaster13.xml"/><Relationship Id="rId18" Type="http://schemas.openxmlformats.org/officeDocument/2006/relationships/slide" Target="slides/slide3.xml"/><Relationship Id="rId26" Type="http://schemas.openxmlformats.org/officeDocument/2006/relationships/slide" Target="slides/slide11.xml"/><Relationship Id="rId39" Type="http://schemas.openxmlformats.org/officeDocument/2006/relationships/slide" Target="slides/slide24.xml"/><Relationship Id="rId3" Type="http://schemas.openxmlformats.org/officeDocument/2006/relationships/slideMaster" Target="slideMasters/slideMaster3.xml"/><Relationship Id="rId21" Type="http://schemas.openxmlformats.org/officeDocument/2006/relationships/slide" Target="slides/slide6.xml"/><Relationship Id="rId34" Type="http://schemas.openxmlformats.org/officeDocument/2006/relationships/slide" Target="slides/slide19.xml"/><Relationship Id="rId42" Type="http://schemas.openxmlformats.org/officeDocument/2006/relationships/notesMaster" Target="notesMasters/notesMaster1.xml"/><Relationship Id="rId47" Type="http://schemas.openxmlformats.org/officeDocument/2006/relationships/tableStyles" Target="tableStyles.xml"/><Relationship Id="rId7" Type="http://schemas.openxmlformats.org/officeDocument/2006/relationships/slideMaster" Target="slideMasters/slideMaster7.xml"/><Relationship Id="rId12" Type="http://schemas.openxmlformats.org/officeDocument/2006/relationships/slideMaster" Target="slideMasters/slideMaster12.xml"/><Relationship Id="rId17" Type="http://schemas.openxmlformats.org/officeDocument/2006/relationships/slide" Target="slides/slide2.xml"/><Relationship Id="rId25" Type="http://schemas.openxmlformats.org/officeDocument/2006/relationships/slide" Target="slides/slide10.xml"/><Relationship Id="rId33" Type="http://schemas.openxmlformats.org/officeDocument/2006/relationships/slide" Target="slides/slide18.xml"/><Relationship Id="rId38" Type="http://schemas.openxmlformats.org/officeDocument/2006/relationships/slide" Target="slides/slide23.xml"/><Relationship Id="rId46"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xml"/><Relationship Id="rId20" Type="http://schemas.openxmlformats.org/officeDocument/2006/relationships/slide" Target="slides/slide5.xml"/><Relationship Id="rId29" Type="http://schemas.openxmlformats.org/officeDocument/2006/relationships/slide" Target="slides/slide14.xml"/><Relationship Id="rId41" Type="http://schemas.openxmlformats.org/officeDocument/2006/relationships/slide" Target="slides/slide26.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Master" Target="slideMasters/slideMaster11.xml"/><Relationship Id="rId24" Type="http://schemas.openxmlformats.org/officeDocument/2006/relationships/slide" Target="slides/slide9.xml"/><Relationship Id="rId32" Type="http://schemas.openxmlformats.org/officeDocument/2006/relationships/slide" Target="slides/slide17.xml"/><Relationship Id="rId37" Type="http://schemas.openxmlformats.org/officeDocument/2006/relationships/slide" Target="slides/slide22.xml"/><Relationship Id="rId40" Type="http://schemas.openxmlformats.org/officeDocument/2006/relationships/slide" Target="slides/slide25.xml"/><Relationship Id="rId45" Type="http://schemas.openxmlformats.org/officeDocument/2006/relationships/viewProps" Target="viewProps.xml"/><Relationship Id="rId5" Type="http://schemas.openxmlformats.org/officeDocument/2006/relationships/slideMaster" Target="slideMasters/slideMaster5.xml"/><Relationship Id="rId15" Type="http://schemas.openxmlformats.org/officeDocument/2006/relationships/slideMaster" Target="slideMasters/slideMaster15.xml"/><Relationship Id="rId23" Type="http://schemas.openxmlformats.org/officeDocument/2006/relationships/slide" Target="slides/slide8.xml"/><Relationship Id="rId28" Type="http://schemas.openxmlformats.org/officeDocument/2006/relationships/slide" Target="slides/slide13.xml"/><Relationship Id="rId36" Type="http://schemas.openxmlformats.org/officeDocument/2006/relationships/slide" Target="slides/slide21.xml"/><Relationship Id="rId10" Type="http://schemas.openxmlformats.org/officeDocument/2006/relationships/slideMaster" Target="slideMasters/slideMaster10.xml"/><Relationship Id="rId19" Type="http://schemas.openxmlformats.org/officeDocument/2006/relationships/slide" Target="slides/slide4.xml"/><Relationship Id="rId31" Type="http://schemas.openxmlformats.org/officeDocument/2006/relationships/slide" Target="slides/slide16.xml"/><Relationship Id="rId44" Type="http://schemas.openxmlformats.org/officeDocument/2006/relationships/presProps" Target="presProps.xml"/><Relationship Id="rId4" Type="http://schemas.openxmlformats.org/officeDocument/2006/relationships/slideMaster" Target="slideMasters/slideMaster4.xml"/><Relationship Id="rId9" Type="http://schemas.openxmlformats.org/officeDocument/2006/relationships/slideMaster" Target="slideMasters/slideMaster9.xml"/><Relationship Id="rId14" Type="http://schemas.openxmlformats.org/officeDocument/2006/relationships/slideMaster" Target="slideMasters/slideMaster14.xml"/><Relationship Id="rId22" Type="http://schemas.openxmlformats.org/officeDocument/2006/relationships/slide" Target="slides/slide7.xml"/><Relationship Id="rId27" Type="http://schemas.openxmlformats.org/officeDocument/2006/relationships/slide" Target="slides/slide12.xml"/><Relationship Id="rId30" Type="http://schemas.openxmlformats.org/officeDocument/2006/relationships/slide" Target="slides/slide15.xml"/><Relationship Id="rId35" Type="http://schemas.openxmlformats.org/officeDocument/2006/relationships/slide" Target="slides/slide20.xml"/><Relationship Id="rId43" Type="http://schemas.openxmlformats.org/officeDocument/2006/relationships/handoutMaster" Target="handoutMasters/handoutMaster1.xml"/></Relationships>
</file>

<file path=ppt/_rels/viewProps.xml.rels><?xml version="1.0" encoding="UTF-8" standalone="yes"?>
<Relationships xmlns="http://schemas.openxmlformats.org/package/2006/relationships"><Relationship Id="rId1" Type="http://schemas.openxmlformats.org/officeDocument/2006/relationships/slide" Target="slides/slide1.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Worksheet.xlsx"/><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3" Type="http://schemas.openxmlformats.org/officeDocument/2006/relationships/package" Target="../embeddings/Microsoft_Excel_Worksheet8.xlsx"/><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chartUserShapes" Target="../drawings/drawing1.xml"/></Relationships>
</file>

<file path=ppt/charts/_rels/chart11.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package" Target="../embeddings/Microsoft_Excel_Worksheet9.xlsx"/></Relationships>
</file>

<file path=ppt/charts/_rels/chart12.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11.xml"/><Relationship Id="rId1" Type="http://schemas.microsoft.com/office/2011/relationships/chartStyle" Target="style11.xml"/><Relationship Id="rId5" Type="http://schemas.openxmlformats.org/officeDocument/2006/relationships/chartUserShapes" Target="../drawings/drawing2.xml"/><Relationship Id="rId4" Type="http://schemas.openxmlformats.org/officeDocument/2006/relationships/package" Target="../embeddings/Microsoft_Excel_Worksheet10.xlsx"/></Relationships>
</file>

<file path=ppt/charts/_rels/chart13.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package" Target="../embeddings/Microsoft_Excel_Worksheet11.xlsx"/></Relationships>
</file>

<file path=ppt/charts/_rels/chart14.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package" Target="../embeddings/Microsoft_Excel_Worksheet12.xlsx"/></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Worksheet1.xlsx"/><Relationship Id="rId2" Type="http://schemas.microsoft.com/office/2011/relationships/chartColorStyle" Target="colors2.xml"/><Relationship Id="rId1" Type="http://schemas.microsoft.com/office/2011/relationships/chartStyle" Target="style2.xml"/></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Worksheet2.xlsx"/><Relationship Id="rId2" Type="http://schemas.microsoft.com/office/2011/relationships/chartColorStyle" Target="colors3.xml"/><Relationship Id="rId1" Type="http://schemas.microsoft.com/office/2011/relationships/chartStyle" Target="style3.xml"/></Relationships>
</file>

<file path=ppt/charts/_rels/chart4.xml.rels><?xml version="1.0" encoding="UTF-8" standalone="yes"?>
<Relationships xmlns="http://schemas.openxmlformats.org/package/2006/relationships"><Relationship Id="rId1" Type="http://schemas.openxmlformats.org/officeDocument/2006/relationships/oleObject" Target="file:///C:\Users\s28\Documents\ADO\ADO2018_Main\Part%201_Developing%20Asia\ADO2018_Part1_Charts.03.03.2018.xlsx" TargetMode="External"/></Relationships>
</file>

<file path=ppt/charts/_rels/chart5.xml.rels><?xml version="1.0" encoding="UTF-8" standalone="yes"?>
<Relationships xmlns="http://schemas.openxmlformats.org/package/2006/relationships"><Relationship Id="rId3" Type="http://schemas.openxmlformats.org/officeDocument/2006/relationships/package" Target="../embeddings/Microsoft_Excel_Worksheet3.xlsx"/><Relationship Id="rId2" Type="http://schemas.microsoft.com/office/2011/relationships/chartColorStyle" Target="colors4.xml"/><Relationship Id="rId1" Type="http://schemas.microsoft.com/office/2011/relationships/chartStyle" Target="style4.xml"/></Relationships>
</file>

<file path=ppt/charts/_rels/chart6.xml.rels><?xml version="1.0" encoding="UTF-8" standalone="yes"?>
<Relationships xmlns="http://schemas.openxmlformats.org/package/2006/relationships"><Relationship Id="rId3" Type="http://schemas.openxmlformats.org/officeDocument/2006/relationships/package" Target="../embeddings/Microsoft_Excel_Worksheet4.xlsx"/><Relationship Id="rId2" Type="http://schemas.microsoft.com/office/2011/relationships/chartColorStyle" Target="colors5.xml"/><Relationship Id="rId1" Type="http://schemas.microsoft.com/office/2011/relationships/chartStyle" Target="style5.xml"/></Relationships>
</file>

<file path=ppt/charts/_rels/chart7.xml.rels><?xml version="1.0" encoding="UTF-8" standalone="yes"?>
<Relationships xmlns="http://schemas.openxmlformats.org/package/2006/relationships"><Relationship Id="rId3" Type="http://schemas.openxmlformats.org/officeDocument/2006/relationships/package" Target="../embeddings/Microsoft_Excel_Worksheet5.xlsx"/><Relationship Id="rId2" Type="http://schemas.microsoft.com/office/2011/relationships/chartColorStyle" Target="colors6.xml"/><Relationship Id="rId1" Type="http://schemas.microsoft.com/office/2011/relationships/chartStyle" Target="style6.xml"/></Relationships>
</file>

<file path=ppt/charts/_rels/chart8.xml.rels><?xml version="1.0" encoding="UTF-8" standalone="yes"?>
<Relationships xmlns="http://schemas.openxmlformats.org/package/2006/relationships"><Relationship Id="rId3" Type="http://schemas.openxmlformats.org/officeDocument/2006/relationships/package" Target="../embeddings/Microsoft_Excel_Worksheet6.xlsx"/><Relationship Id="rId2" Type="http://schemas.microsoft.com/office/2011/relationships/chartColorStyle" Target="colors7.xml"/><Relationship Id="rId1" Type="http://schemas.microsoft.com/office/2011/relationships/chartStyle" Target="style7.xml"/></Relationships>
</file>

<file path=ppt/charts/_rels/chart9.xml.rels><?xml version="1.0" encoding="UTF-8" standalone="yes"?>
<Relationships xmlns="http://schemas.openxmlformats.org/package/2006/relationships"><Relationship Id="rId3" Type="http://schemas.openxmlformats.org/officeDocument/2006/relationships/package" Target="../embeddings/Microsoft_Excel_Worksheet7.xlsx"/><Relationship Id="rId2" Type="http://schemas.microsoft.com/office/2011/relationships/chartColorStyle" Target="colors8.xml"/><Relationship Id="rId1" Type="http://schemas.microsoft.com/office/2011/relationships/chartStyle" Target="style8.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lang="ja-JP" sz="1600" b="1" i="0" u="none" strike="noStrike" kern="1200" spc="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600" b="1" dirty="0">
                <a:latin typeface="Arial" panose="020B0604020202020204" pitchFamily="34" charset="0"/>
                <a:cs typeface="Arial" panose="020B0604020202020204" pitchFamily="34" charset="0"/>
              </a:rPr>
              <a:t>GDP</a:t>
            </a:r>
            <a:r>
              <a:rPr lang="en-US" sz="1600" b="1" baseline="0" dirty="0">
                <a:latin typeface="Arial" panose="020B0604020202020204" pitchFamily="34" charset="0"/>
                <a:cs typeface="Arial" panose="020B0604020202020204" pitchFamily="34" charset="0"/>
              </a:rPr>
              <a:t> growth (%)</a:t>
            </a:r>
            <a:endParaRPr lang="en-US" sz="1600" b="1" dirty="0">
              <a:latin typeface="Arial" panose="020B0604020202020204" pitchFamily="34" charset="0"/>
              <a:cs typeface="Arial" panose="020B0604020202020204" pitchFamily="34" charset="0"/>
            </a:endParaRPr>
          </a:p>
        </c:rich>
      </c:tx>
      <c:layout>
        <c:manualLayout>
          <c:xMode val="edge"/>
          <c:yMode val="edge"/>
          <c:x val="3.6631290653885655E-4"/>
          <c:y val="5.6547632299313907E-2"/>
        </c:manualLayout>
      </c:layout>
      <c:overlay val="0"/>
      <c:spPr>
        <a:noFill/>
        <a:ln>
          <a:noFill/>
        </a:ln>
        <a:effectLst/>
      </c:spPr>
      <c:txPr>
        <a:bodyPr rot="0" spcFirstLastPara="1" vertOverflow="ellipsis" vert="horz" wrap="square" anchor="ctr" anchorCtr="1"/>
        <a:lstStyle/>
        <a:p>
          <a:pPr>
            <a:defRPr lang="ja-JP" sz="1600" b="1" i="0" u="none" strike="noStrike" kern="1200" spc="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autoTitleDeleted val="0"/>
    <c:plotArea>
      <c:layout>
        <c:manualLayout>
          <c:layoutTarget val="inner"/>
          <c:xMode val="edge"/>
          <c:yMode val="edge"/>
          <c:x val="5.5689705453484978E-2"/>
          <c:y val="0.16027469072803963"/>
          <c:w val="0.90794426059061462"/>
          <c:h val="0.69281207649326881"/>
        </c:manualLayout>
      </c:layout>
      <c:barChart>
        <c:barDir val="col"/>
        <c:grouping val="clustered"/>
        <c:varyColors val="0"/>
        <c:ser>
          <c:idx val="0"/>
          <c:order val="0"/>
          <c:tx>
            <c:strRef>
              <c:f>Sheet1!$B$1</c:f>
              <c:strCache>
                <c:ptCount val="1"/>
                <c:pt idx="0">
                  <c:v>Developing Asia</c:v>
                </c:pt>
              </c:strCache>
            </c:strRef>
          </c:tx>
          <c:spPr>
            <a:solidFill>
              <a:srgbClr val="00B050"/>
            </a:solidFill>
            <a:ln>
              <a:noFill/>
            </a:ln>
            <a:effectLst/>
          </c:spPr>
          <c:invertIfNegative val="0"/>
          <c:dPt>
            <c:idx val="0"/>
            <c:invertIfNegative val="0"/>
            <c:bubble3D val="0"/>
            <c:spPr>
              <a:solidFill>
                <a:srgbClr val="00B050"/>
              </a:solidFill>
              <a:ln>
                <a:noFill/>
              </a:ln>
              <a:effectLst/>
            </c:spPr>
            <c:extLst>
              <c:ext xmlns:c16="http://schemas.microsoft.com/office/drawing/2014/chart" uri="{C3380CC4-5D6E-409C-BE32-E72D297353CC}">
                <c16:uniqueId val="{00000001-E330-40DD-95C9-E4BDDBF44991}"/>
              </c:ext>
            </c:extLst>
          </c:dPt>
          <c:dPt>
            <c:idx val="1"/>
            <c:invertIfNegative val="0"/>
            <c:bubble3D val="0"/>
            <c:spPr>
              <a:solidFill>
                <a:srgbClr val="00B050"/>
              </a:solidFill>
              <a:ln>
                <a:noFill/>
              </a:ln>
              <a:effectLst/>
            </c:spPr>
            <c:extLst>
              <c:ext xmlns:c16="http://schemas.microsoft.com/office/drawing/2014/chart" uri="{C3380CC4-5D6E-409C-BE32-E72D297353CC}">
                <c16:uniqueId val="{00000002-E330-40DD-95C9-E4BDDBF44991}"/>
              </c:ext>
            </c:extLst>
          </c:dPt>
          <c:dPt>
            <c:idx val="2"/>
            <c:invertIfNegative val="0"/>
            <c:bubble3D val="0"/>
            <c:spPr>
              <a:solidFill>
                <a:srgbClr val="00B050"/>
              </a:solidFill>
              <a:ln>
                <a:noFill/>
              </a:ln>
              <a:effectLst/>
            </c:spPr>
            <c:extLst>
              <c:ext xmlns:c16="http://schemas.microsoft.com/office/drawing/2014/chart" uri="{C3380CC4-5D6E-409C-BE32-E72D297353CC}">
                <c16:uniqueId val="{00000003-E330-40DD-95C9-E4BDDBF44991}"/>
              </c:ext>
            </c:extLst>
          </c:dPt>
          <c:dPt>
            <c:idx val="3"/>
            <c:invertIfNegative val="0"/>
            <c:bubble3D val="0"/>
            <c:spPr>
              <a:solidFill>
                <a:srgbClr val="00B050"/>
              </a:solidFill>
              <a:ln>
                <a:noFill/>
              </a:ln>
              <a:effectLst/>
            </c:spPr>
            <c:extLst>
              <c:ext xmlns:c16="http://schemas.microsoft.com/office/drawing/2014/chart" uri="{C3380CC4-5D6E-409C-BE32-E72D297353CC}">
                <c16:uniqueId val="{00000004-E330-40DD-95C9-E4BDDBF44991}"/>
              </c:ext>
            </c:extLst>
          </c:dPt>
          <c:dPt>
            <c:idx val="4"/>
            <c:invertIfNegative val="0"/>
            <c:bubble3D val="0"/>
            <c:spPr>
              <a:solidFill>
                <a:srgbClr val="00B050"/>
              </a:solidFill>
              <a:ln>
                <a:noFill/>
              </a:ln>
              <a:effectLst/>
            </c:spPr>
            <c:extLst>
              <c:ext xmlns:c16="http://schemas.microsoft.com/office/drawing/2014/chart" uri="{C3380CC4-5D6E-409C-BE32-E72D297353CC}">
                <c16:uniqueId val="{00000000-E330-40DD-95C9-E4BDDBF44991}"/>
              </c:ext>
            </c:extLst>
          </c:dPt>
          <c:dPt>
            <c:idx val="5"/>
            <c:invertIfNegative val="0"/>
            <c:bubble3D val="0"/>
            <c:spPr>
              <a:pattFill prst="wdDnDiag">
                <a:fgClr>
                  <a:schemeClr val="accent3">
                    <a:lumMod val="60000"/>
                    <a:lumOff val="40000"/>
                  </a:schemeClr>
                </a:fgClr>
                <a:bgClr>
                  <a:srgbClr val="00B050"/>
                </a:bgClr>
              </a:pattFill>
              <a:ln>
                <a:noFill/>
              </a:ln>
              <a:effectLst/>
            </c:spPr>
            <c:extLst>
              <c:ext xmlns:c16="http://schemas.microsoft.com/office/drawing/2014/chart" uri="{C3380CC4-5D6E-409C-BE32-E72D297353CC}">
                <c16:uniqueId val="{00000000-30BE-4532-B2EF-9ED2A7279753}"/>
              </c:ext>
            </c:extLst>
          </c:dPt>
          <c:dPt>
            <c:idx val="6"/>
            <c:invertIfNegative val="0"/>
            <c:bubble3D val="0"/>
            <c:spPr>
              <a:pattFill prst="wdDnDiag">
                <a:fgClr>
                  <a:schemeClr val="accent3">
                    <a:lumMod val="60000"/>
                    <a:lumOff val="40000"/>
                  </a:schemeClr>
                </a:fgClr>
                <a:bgClr>
                  <a:srgbClr val="00B050"/>
                </a:bgClr>
              </a:pattFill>
              <a:ln>
                <a:noFill/>
              </a:ln>
              <a:effectLst/>
            </c:spPr>
            <c:extLst>
              <c:ext xmlns:c16="http://schemas.microsoft.com/office/drawing/2014/chart" uri="{C3380CC4-5D6E-409C-BE32-E72D297353CC}">
                <c16:uniqueId val="{00000001-30BE-4532-B2EF-9ED2A7279753}"/>
              </c:ext>
            </c:extLst>
          </c:dPt>
          <c:dLbls>
            <c:dLbl>
              <c:idx val="0"/>
              <c:layout>
                <c:manualLayout>
                  <c:x val="-8.0515297906602248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330-40DD-95C9-E4BDDBF44991}"/>
                </c:ext>
              </c:extLst>
            </c:dLbl>
            <c:dLbl>
              <c:idx val="1"/>
              <c:layout>
                <c:manualLayout>
                  <c:x val="-1.0466925329985926E-2"/>
                  <c:y val="1.6369051455064551E-2"/>
                </c:manualLayout>
              </c:layout>
              <c:spPr>
                <a:noFill/>
                <a:ln>
                  <a:noFill/>
                </a:ln>
                <a:effectLst/>
              </c:spPr>
              <c:txPr>
                <a:bodyPr rot="0" spcFirstLastPara="1" vertOverflow="ellipsis" vert="horz" wrap="square" lIns="38100" tIns="19050" rIns="38100" bIns="19050" anchor="ctr" anchorCtr="1">
                  <a:noAutofit/>
                </a:bodyPr>
                <a:lstStyle/>
                <a:p>
                  <a:pPr>
                    <a:defRPr lang="ja-JP" sz="1800" b="1" i="0" u="none" strike="noStrike" kern="1200" baseline="0">
                      <a:solidFill>
                        <a:schemeClr val="accent5">
                          <a:lumMod val="75000"/>
                        </a:schemeClr>
                      </a:solidFill>
                      <a:latin typeface="Arial" panose="020B0604020202020204" pitchFamily="34" charset="0"/>
                      <a:ea typeface="+mn-ea"/>
                      <a:cs typeface="Arial" panose="020B0604020202020204" pitchFamily="34" charset="0"/>
                    </a:defRPr>
                  </a:pPr>
                  <a:endParaRPr lang="en-US"/>
                </a:p>
              </c:txPr>
              <c:showLegendKey val="0"/>
              <c:showVal val="1"/>
              <c:showCatName val="0"/>
              <c:showSerName val="0"/>
              <c:showPercent val="0"/>
              <c:showBubbleSize val="0"/>
              <c:extLst>
                <c:ext xmlns:c15="http://schemas.microsoft.com/office/drawing/2012/chart" uri="{CE6537A1-D6FC-4f65-9D91-7224C49458BB}">
                  <c15:layout>
                    <c:manualLayout>
                      <c:w val="7.4283413848631227E-2"/>
                      <c:h val="7.7306682908390253E-2"/>
                    </c:manualLayout>
                  </c15:layout>
                </c:ext>
                <c:ext xmlns:c16="http://schemas.microsoft.com/office/drawing/2014/chart" uri="{C3380CC4-5D6E-409C-BE32-E72D297353CC}">
                  <c16:uniqueId val="{00000002-E330-40DD-95C9-E4BDDBF44991}"/>
                </c:ext>
              </c:extLst>
            </c:dLbl>
            <c:dLbl>
              <c:idx val="2"/>
              <c:layout>
                <c:manualLayout>
                  <c:x val="-4.830917874396135E-3"/>
                  <c:y val="8.9285735209442465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330-40DD-95C9-E4BDDBF44991}"/>
                </c:ext>
              </c:extLst>
            </c:dLbl>
            <c:dLbl>
              <c:idx val="3"/>
              <c:layout>
                <c:manualLayout>
                  <c:x val="-9.6618357487922701E-3"/>
                  <c:y val="8.9285735209443003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330-40DD-95C9-E4BDDBF44991}"/>
                </c:ext>
              </c:extLst>
            </c:dLbl>
            <c:dLbl>
              <c:idx val="4"/>
              <c:layout>
                <c:manualLayout>
                  <c:x val="-4.830917874396135E-3"/>
                  <c:y val="2.976191173648100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330-40DD-95C9-E4BDDBF44991}"/>
                </c:ext>
              </c:extLst>
            </c:dLbl>
            <c:dLbl>
              <c:idx val="5"/>
              <c:layout>
                <c:manualLayout>
                  <c:x val="-9.6618357487922701E-3"/>
                  <c:y val="2.976191173648100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30BE-4532-B2EF-9ED2A7279753}"/>
                </c:ext>
              </c:extLst>
            </c:dLbl>
            <c:dLbl>
              <c:idx val="6"/>
              <c:layout>
                <c:manualLayout>
                  <c:x val="-6.4412238325281803E-3"/>
                  <c:y val="8.9285735209442465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30BE-4532-B2EF-9ED2A7279753}"/>
                </c:ext>
              </c:extLst>
            </c:dLbl>
            <c:spPr>
              <a:noFill/>
              <a:ln>
                <a:noFill/>
              </a:ln>
              <a:effectLst/>
            </c:spPr>
            <c:txPr>
              <a:bodyPr rot="0" spcFirstLastPara="1" vertOverflow="ellipsis" vert="horz" wrap="square" lIns="38100" tIns="19050" rIns="38100" bIns="19050" anchor="ctr" anchorCtr="1">
                <a:spAutoFit/>
              </a:bodyPr>
              <a:lstStyle/>
              <a:p>
                <a:pPr>
                  <a:defRPr lang="ja-JP" sz="1800" b="1" i="0" u="none" strike="noStrike" kern="1200" baseline="0">
                    <a:solidFill>
                      <a:schemeClr val="accent5">
                        <a:lumMod val="75000"/>
                      </a:schemeClr>
                    </a:solidFill>
                    <a:latin typeface="Arial" panose="020B0604020202020204" pitchFamily="34" charset="0"/>
                    <a:ea typeface="+mn-ea"/>
                    <a:cs typeface="Arial" panose="020B0604020202020204" pitchFamily="34" charset="0"/>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3:$A$9</c:f>
              <c:numCache>
                <c:formatCode>General</c:formatCode>
                <c:ptCount val="7"/>
                <c:pt idx="0">
                  <c:v>2013</c:v>
                </c:pt>
                <c:pt idx="1">
                  <c:v>2014</c:v>
                </c:pt>
                <c:pt idx="2">
                  <c:v>2015</c:v>
                </c:pt>
                <c:pt idx="3">
                  <c:v>2016</c:v>
                </c:pt>
                <c:pt idx="4">
                  <c:v>2017</c:v>
                </c:pt>
                <c:pt idx="5">
                  <c:v>2018</c:v>
                </c:pt>
                <c:pt idx="6">
                  <c:v>2019</c:v>
                </c:pt>
              </c:numCache>
            </c:numRef>
          </c:cat>
          <c:val>
            <c:numRef>
              <c:f>Sheet1!$B$3:$B$9</c:f>
              <c:numCache>
                <c:formatCode>_(* #,##0.0_);_(* \(#,##0.0\);_(* "-"??_);_(@_)</c:formatCode>
                <c:ptCount val="7"/>
                <c:pt idx="0">
                  <c:v>6.4</c:v>
                </c:pt>
                <c:pt idx="1">
                  <c:v>6.3</c:v>
                </c:pt>
                <c:pt idx="2">
                  <c:v>6</c:v>
                </c:pt>
                <c:pt idx="3">
                  <c:v>5.9</c:v>
                </c:pt>
                <c:pt idx="4">
                  <c:v>6.1</c:v>
                </c:pt>
                <c:pt idx="5">
                  <c:v>6</c:v>
                </c:pt>
                <c:pt idx="6" formatCode="General">
                  <c:v>5.9</c:v>
                </c:pt>
              </c:numCache>
            </c:numRef>
          </c:val>
          <c:extLst>
            <c:ext xmlns:c16="http://schemas.microsoft.com/office/drawing/2014/chart" uri="{C3380CC4-5D6E-409C-BE32-E72D297353CC}">
              <c16:uniqueId val="{00000002-30BE-4532-B2EF-9ED2A7279753}"/>
            </c:ext>
          </c:extLst>
        </c:ser>
        <c:ser>
          <c:idx val="1"/>
          <c:order val="1"/>
          <c:tx>
            <c:strRef>
              <c:f>Sheet1!$C$1</c:f>
              <c:strCache>
                <c:ptCount val="1"/>
                <c:pt idx="0">
                  <c:v>Developing Asia excluding NIEs</c:v>
                </c:pt>
              </c:strCache>
            </c:strRef>
          </c:tx>
          <c:spPr>
            <a:solidFill>
              <a:schemeClr val="accent6">
                <a:lumMod val="75000"/>
              </a:schemeClr>
            </a:solidFill>
            <a:ln>
              <a:noFill/>
            </a:ln>
            <a:effectLst/>
          </c:spPr>
          <c:invertIfNegative val="0"/>
          <c:dPt>
            <c:idx val="0"/>
            <c:invertIfNegative val="0"/>
            <c:bubble3D val="0"/>
            <c:spPr>
              <a:solidFill>
                <a:schemeClr val="accent6">
                  <a:lumMod val="75000"/>
                </a:schemeClr>
              </a:solidFill>
              <a:ln>
                <a:noFill/>
              </a:ln>
              <a:effectLst/>
            </c:spPr>
            <c:extLst>
              <c:ext xmlns:c16="http://schemas.microsoft.com/office/drawing/2014/chart" uri="{C3380CC4-5D6E-409C-BE32-E72D297353CC}">
                <c16:uniqueId val="{00000000-65FE-4187-8B39-73B2266F3DA6}"/>
              </c:ext>
            </c:extLst>
          </c:dPt>
          <c:dPt>
            <c:idx val="1"/>
            <c:invertIfNegative val="0"/>
            <c:bubble3D val="0"/>
            <c:spPr>
              <a:solidFill>
                <a:schemeClr val="accent6">
                  <a:lumMod val="75000"/>
                </a:schemeClr>
              </a:solidFill>
              <a:ln>
                <a:noFill/>
              </a:ln>
              <a:effectLst/>
            </c:spPr>
            <c:extLst>
              <c:ext xmlns:c16="http://schemas.microsoft.com/office/drawing/2014/chart" uri="{C3380CC4-5D6E-409C-BE32-E72D297353CC}">
                <c16:uniqueId val="{00000001-65FE-4187-8B39-73B2266F3DA6}"/>
              </c:ext>
            </c:extLst>
          </c:dPt>
          <c:dPt>
            <c:idx val="2"/>
            <c:invertIfNegative val="0"/>
            <c:bubble3D val="0"/>
            <c:spPr>
              <a:solidFill>
                <a:schemeClr val="accent6">
                  <a:lumMod val="75000"/>
                </a:schemeClr>
              </a:solidFill>
              <a:ln>
                <a:noFill/>
              </a:ln>
              <a:effectLst/>
            </c:spPr>
            <c:extLst>
              <c:ext xmlns:c16="http://schemas.microsoft.com/office/drawing/2014/chart" uri="{C3380CC4-5D6E-409C-BE32-E72D297353CC}">
                <c16:uniqueId val="{00000002-65FE-4187-8B39-73B2266F3DA6}"/>
              </c:ext>
            </c:extLst>
          </c:dPt>
          <c:dPt>
            <c:idx val="3"/>
            <c:invertIfNegative val="0"/>
            <c:bubble3D val="0"/>
            <c:spPr>
              <a:solidFill>
                <a:schemeClr val="accent6">
                  <a:lumMod val="75000"/>
                </a:schemeClr>
              </a:solidFill>
              <a:ln>
                <a:noFill/>
              </a:ln>
              <a:effectLst/>
            </c:spPr>
            <c:extLst>
              <c:ext xmlns:c16="http://schemas.microsoft.com/office/drawing/2014/chart" uri="{C3380CC4-5D6E-409C-BE32-E72D297353CC}">
                <c16:uniqueId val="{00000005-9886-450E-8ACA-ACDBB141B062}"/>
              </c:ext>
            </c:extLst>
          </c:dPt>
          <c:dPt>
            <c:idx val="4"/>
            <c:invertIfNegative val="0"/>
            <c:bubble3D val="0"/>
            <c:spPr>
              <a:solidFill>
                <a:schemeClr val="accent6">
                  <a:lumMod val="75000"/>
                </a:schemeClr>
              </a:solidFill>
              <a:ln>
                <a:noFill/>
              </a:ln>
              <a:effectLst/>
            </c:spPr>
            <c:extLst>
              <c:ext xmlns:c16="http://schemas.microsoft.com/office/drawing/2014/chart" uri="{C3380CC4-5D6E-409C-BE32-E72D297353CC}">
                <c16:uniqueId val="{00000001-5927-4B0A-94D2-8F799DFFE1B3}"/>
              </c:ext>
            </c:extLst>
          </c:dPt>
          <c:dPt>
            <c:idx val="5"/>
            <c:invertIfNegative val="0"/>
            <c:bubble3D val="0"/>
            <c:spPr>
              <a:pattFill prst="wdDnDiag">
                <a:fgClr>
                  <a:schemeClr val="accent6">
                    <a:lumMod val="60000"/>
                    <a:lumOff val="40000"/>
                  </a:schemeClr>
                </a:fgClr>
                <a:bgClr>
                  <a:schemeClr val="accent6">
                    <a:lumMod val="75000"/>
                  </a:schemeClr>
                </a:bgClr>
              </a:pattFill>
              <a:ln>
                <a:solidFill>
                  <a:schemeClr val="bg1">
                    <a:lumMod val="50000"/>
                    <a:alpha val="44000"/>
                  </a:schemeClr>
                </a:solidFill>
              </a:ln>
              <a:effectLst/>
            </c:spPr>
            <c:extLst>
              <c:ext xmlns:c16="http://schemas.microsoft.com/office/drawing/2014/chart" uri="{C3380CC4-5D6E-409C-BE32-E72D297353CC}">
                <c16:uniqueId val="{00000004-30BE-4532-B2EF-9ED2A7279753}"/>
              </c:ext>
            </c:extLst>
          </c:dPt>
          <c:dPt>
            <c:idx val="6"/>
            <c:invertIfNegative val="0"/>
            <c:bubble3D val="0"/>
            <c:spPr>
              <a:pattFill prst="wdDnDiag">
                <a:fgClr>
                  <a:schemeClr val="accent6">
                    <a:lumMod val="60000"/>
                    <a:lumOff val="40000"/>
                  </a:schemeClr>
                </a:fgClr>
                <a:bgClr>
                  <a:schemeClr val="accent6">
                    <a:lumMod val="75000"/>
                  </a:schemeClr>
                </a:bgClr>
              </a:pattFill>
              <a:ln>
                <a:noFill/>
              </a:ln>
              <a:effectLst/>
            </c:spPr>
            <c:extLst>
              <c:ext xmlns:c16="http://schemas.microsoft.com/office/drawing/2014/chart" uri="{C3380CC4-5D6E-409C-BE32-E72D297353CC}">
                <c16:uniqueId val="{00000005-30BE-4532-B2EF-9ED2A7279753}"/>
              </c:ext>
            </c:extLst>
          </c:dPt>
          <c:dLbls>
            <c:spPr>
              <a:noFill/>
              <a:ln>
                <a:noFill/>
              </a:ln>
              <a:effectLst/>
            </c:spPr>
            <c:txPr>
              <a:bodyPr rot="0" spcFirstLastPara="1" vertOverflow="ellipsis" vert="horz" wrap="square" lIns="38100" tIns="19050" rIns="38100" bIns="19050" anchor="ctr" anchorCtr="1">
                <a:spAutoFit/>
              </a:bodyPr>
              <a:lstStyle/>
              <a:p>
                <a:pPr>
                  <a:defRPr lang="ja-JP" sz="1800" b="1" i="0" u="none" strike="noStrike" kern="1200" baseline="0">
                    <a:solidFill>
                      <a:srgbClr val="FF6600"/>
                    </a:solidFill>
                    <a:latin typeface="Arial" panose="020B0604020202020204" pitchFamily="34" charset="0"/>
                    <a:ea typeface="+mn-ea"/>
                    <a:cs typeface="Arial" panose="020B0604020202020204" pitchFamily="34" charset="0"/>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3:$A$9</c:f>
              <c:numCache>
                <c:formatCode>General</c:formatCode>
                <c:ptCount val="7"/>
                <c:pt idx="0">
                  <c:v>2013</c:v>
                </c:pt>
                <c:pt idx="1">
                  <c:v>2014</c:v>
                </c:pt>
                <c:pt idx="2">
                  <c:v>2015</c:v>
                </c:pt>
                <c:pt idx="3">
                  <c:v>2016</c:v>
                </c:pt>
                <c:pt idx="4">
                  <c:v>2017</c:v>
                </c:pt>
                <c:pt idx="5">
                  <c:v>2018</c:v>
                </c:pt>
                <c:pt idx="6">
                  <c:v>2019</c:v>
                </c:pt>
              </c:numCache>
            </c:numRef>
          </c:cat>
          <c:val>
            <c:numRef>
              <c:f>Sheet1!$C$3:$C$9</c:f>
              <c:numCache>
                <c:formatCode>_(* #,##0.0_);_(* \(#,##0.0\);_(* "-"??_);_(@_)</c:formatCode>
                <c:ptCount val="7"/>
                <c:pt idx="0">
                  <c:v>7</c:v>
                </c:pt>
                <c:pt idx="1">
                  <c:v>6.8</c:v>
                </c:pt>
                <c:pt idx="2">
                  <c:v>6.6152669143252698</c:v>
                </c:pt>
                <c:pt idx="3">
                  <c:v>6.3772198132166231</c:v>
                </c:pt>
                <c:pt idx="4">
                  <c:v>6.6</c:v>
                </c:pt>
                <c:pt idx="5">
                  <c:v>6.4857304687675663</c:v>
                </c:pt>
                <c:pt idx="6">
                  <c:v>6.4</c:v>
                </c:pt>
              </c:numCache>
            </c:numRef>
          </c:val>
          <c:extLst>
            <c:ext xmlns:c16="http://schemas.microsoft.com/office/drawing/2014/chart" uri="{C3380CC4-5D6E-409C-BE32-E72D297353CC}">
              <c16:uniqueId val="{00000006-30BE-4532-B2EF-9ED2A7279753}"/>
            </c:ext>
          </c:extLst>
        </c:ser>
        <c:dLbls>
          <c:showLegendKey val="0"/>
          <c:showVal val="0"/>
          <c:showCatName val="0"/>
          <c:showSerName val="0"/>
          <c:showPercent val="0"/>
          <c:showBubbleSize val="0"/>
        </c:dLbls>
        <c:gapWidth val="100"/>
        <c:axId val="7070464"/>
        <c:axId val="7072032"/>
      </c:barChart>
      <c:catAx>
        <c:axId val="7070464"/>
        <c:scaling>
          <c:orientation val="minMax"/>
        </c:scaling>
        <c:delete val="0"/>
        <c:axPos val="b"/>
        <c:numFmt formatCode="General" sourceLinked="1"/>
        <c:majorTickMark val="none"/>
        <c:minorTickMark val="none"/>
        <c:tickLblPos val="nextTo"/>
        <c:spPr>
          <a:noFill/>
          <a:ln w="9525" cap="flat" cmpd="sng" algn="ctr">
            <a:solidFill>
              <a:schemeClr val="bg1">
                <a:lumMod val="50000"/>
              </a:schemeClr>
            </a:solidFill>
            <a:round/>
          </a:ln>
          <a:effectLst/>
        </c:spPr>
        <c:txPr>
          <a:bodyPr rot="-60000000" spcFirstLastPara="1" vertOverflow="ellipsis" vert="horz" wrap="square" anchor="ctr" anchorCtr="1"/>
          <a:lstStyle/>
          <a:p>
            <a:pPr>
              <a:defRPr lang="ja-JP" sz="18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7072032"/>
        <c:crosses val="autoZero"/>
        <c:auto val="1"/>
        <c:lblAlgn val="ctr"/>
        <c:lblOffset val="100"/>
        <c:noMultiLvlLbl val="0"/>
      </c:catAx>
      <c:valAx>
        <c:axId val="7072032"/>
        <c:scaling>
          <c:orientation val="minMax"/>
        </c:scaling>
        <c:delete val="0"/>
        <c:axPos val="l"/>
        <c:numFmt formatCode="#,##0" sourceLinked="0"/>
        <c:majorTickMark val="out"/>
        <c:minorTickMark val="none"/>
        <c:tickLblPos val="nextTo"/>
        <c:spPr>
          <a:noFill/>
          <a:ln>
            <a:solidFill>
              <a:schemeClr val="bg1">
                <a:lumMod val="50000"/>
              </a:schemeClr>
            </a:solidFill>
          </a:ln>
          <a:effectLst/>
        </c:spPr>
        <c:txPr>
          <a:bodyPr rot="-60000000" spcFirstLastPara="1" vertOverflow="ellipsis" vert="horz" wrap="square" anchor="ctr" anchorCtr="1"/>
          <a:lstStyle/>
          <a:p>
            <a:pPr>
              <a:defRPr lang="ja-JP" sz="16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7070464"/>
        <c:crosses val="autoZero"/>
        <c:crossBetween val="between"/>
        <c:majorUnit val="2"/>
      </c:valAx>
      <c:spPr>
        <a:noFill/>
        <a:ln>
          <a:noFill/>
        </a:ln>
        <a:effectLst/>
      </c:spPr>
    </c:plotArea>
    <c:legend>
      <c:legendPos val="r"/>
      <c:legendEntry>
        <c:idx val="0"/>
        <c:txPr>
          <a:bodyPr rot="0" spcFirstLastPara="1" vertOverflow="ellipsis" vert="horz" wrap="square" anchor="ctr" anchorCtr="1"/>
          <a:lstStyle/>
          <a:p>
            <a:pPr>
              <a:defRPr sz="1400" b="1" i="0" u="none" strike="noStrike" kern="1200" baseline="0">
                <a:solidFill>
                  <a:srgbClr val="00B050"/>
                </a:solidFill>
                <a:latin typeface="Arial" panose="020B0604020202020204" pitchFamily="34" charset="0"/>
                <a:ea typeface="+mn-ea"/>
                <a:cs typeface="Arial" panose="020B0604020202020204" pitchFamily="34" charset="0"/>
              </a:defRPr>
            </a:pPr>
            <a:endParaRPr lang="en-US"/>
          </a:p>
        </c:txPr>
      </c:legendEntry>
      <c:legendEntry>
        <c:idx val="1"/>
        <c:txPr>
          <a:bodyPr rot="0" spcFirstLastPara="1" vertOverflow="ellipsis" vert="horz" wrap="square" anchor="ctr" anchorCtr="1"/>
          <a:lstStyle/>
          <a:p>
            <a:pPr>
              <a:defRPr sz="1400" b="1" i="0" u="none" strike="noStrike" kern="1200" baseline="0">
                <a:solidFill>
                  <a:schemeClr val="accent6">
                    <a:lumMod val="75000"/>
                  </a:schemeClr>
                </a:solidFill>
                <a:latin typeface="Arial" panose="020B0604020202020204" pitchFamily="34" charset="0"/>
                <a:ea typeface="+mn-ea"/>
                <a:cs typeface="Arial" panose="020B0604020202020204" pitchFamily="34" charset="0"/>
              </a:defRPr>
            </a:pPr>
            <a:endParaRPr lang="en-US"/>
          </a:p>
        </c:txPr>
      </c:legendEntry>
      <c:layout>
        <c:manualLayout>
          <c:xMode val="edge"/>
          <c:yMode val="edge"/>
          <c:x val="0.26317166875879644"/>
          <c:y val="4.8046271101957042E-2"/>
          <c:w val="0.4179877515310586"/>
          <c:h val="0.13097584621668687"/>
        </c:manualLayout>
      </c:layout>
      <c:overlay val="0"/>
      <c:spPr>
        <a:noFill/>
        <a:ln>
          <a:noFill/>
        </a:ln>
        <a:effectLst/>
      </c:spPr>
      <c:txPr>
        <a:bodyPr rot="0" spcFirstLastPara="1" vertOverflow="ellipsis" vert="horz" wrap="square" anchor="ctr" anchorCtr="1"/>
        <a:lstStyle/>
        <a:p>
          <a:pPr>
            <a:defRPr lang="ja-JP" sz="14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a:noFill/>
    </a:ln>
    <a:effectLst/>
  </c:spPr>
  <c:txPr>
    <a:bodyPr/>
    <a:lstStyle/>
    <a:p>
      <a:pPr>
        <a:defRPr sz="1600"/>
      </a:pPr>
      <a:endParaRPr lang="en-US"/>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4384022309711282E-2"/>
          <c:y val="0.20552805118110237"/>
          <c:w val="0.80362949034355768"/>
          <c:h val="0.58806940799066787"/>
        </c:manualLayout>
      </c:layout>
      <c:lineChart>
        <c:grouping val="standard"/>
        <c:varyColors val="0"/>
        <c:ser>
          <c:idx val="0"/>
          <c:order val="0"/>
          <c:tx>
            <c:strRef>
              <c:f>Sheet1!$B$1</c:f>
              <c:strCache>
                <c:ptCount val="1"/>
                <c:pt idx="0">
                  <c:v>Manufacturing PMI</c:v>
                </c:pt>
              </c:strCache>
            </c:strRef>
          </c:tx>
          <c:spPr>
            <a:ln w="31750" cap="rnd">
              <a:solidFill>
                <a:schemeClr val="accent1"/>
              </a:solidFill>
              <a:round/>
            </a:ln>
            <a:effectLst/>
          </c:spPr>
          <c:marker>
            <c:symbol val="none"/>
          </c:marker>
          <c:cat>
            <c:strRef>
              <c:f>Sheet1!$A$2:$A$27</c:f>
              <c:strCache>
                <c:ptCount val="26"/>
                <c:pt idx="0">
                  <c:v>Jan2016</c:v>
                </c:pt>
                <c:pt idx="1">
                  <c:v>Feb-16</c:v>
                </c:pt>
                <c:pt idx="2">
                  <c:v>Mar-16</c:v>
                </c:pt>
                <c:pt idx="3">
                  <c:v>Apr-16</c:v>
                </c:pt>
                <c:pt idx="4">
                  <c:v>May-16</c:v>
                </c:pt>
                <c:pt idx="5">
                  <c:v>Jun-16</c:v>
                </c:pt>
                <c:pt idx="6">
                  <c:v>Jul-16</c:v>
                </c:pt>
                <c:pt idx="7">
                  <c:v>Aug-16</c:v>
                </c:pt>
                <c:pt idx="8">
                  <c:v>Sep-16</c:v>
                </c:pt>
                <c:pt idx="9">
                  <c:v>Oct-16</c:v>
                </c:pt>
                <c:pt idx="10">
                  <c:v>Nov-16</c:v>
                </c:pt>
                <c:pt idx="11">
                  <c:v>Dec-16</c:v>
                </c:pt>
                <c:pt idx="12">
                  <c:v>Jan-17</c:v>
                </c:pt>
                <c:pt idx="13">
                  <c:v>Feb-17</c:v>
                </c:pt>
                <c:pt idx="14">
                  <c:v>Mar-17</c:v>
                </c:pt>
                <c:pt idx="15">
                  <c:v>Apr-17</c:v>
                </c:pt>
                <c:pt idx="16">
                  <c:v>May-17</c:v>
                </c:pt>
                <c:pt idx="17">
                  <c:v>Jun-17</c:v>
                </c:pt>
                <c:pt idx="18">
                  <c:v>Jul-17</c:v>
                </c:pt>
                <c:pt idx="19">
                  <c:v>Aug-17</c:v>
                </c:pt>
                <c:pt idx="20">
                  <c:v>Sep-17</c:v>
                </c:pt>
                <c:pt idx="21">
                  <c:v>Oct-17</c:v>
                </c:pt>
                <c:pt idx="22">
                  <c:v>Nov-17</c:v>
                </c:pt>
                <c:pt idx="23">
                  <c:v>Dec-17</c:v>
                </c:pt>
                <c:pt idx="24">
                  <c:v>Jan-18</c:v>
                </c:pt>
                <c:pt idx="25">
                  <c:v>Feb-18</c:v>
                </c:pt>
              </c:strCache>
            </c:strRef>
          </c:cat>
          <c:val>
            <c:numRef>
              <c:f>Sheet1!$B$2:$B$27</c:f>
              <c:numCache>
                <c:formatCode>General</c:formatCode>
                <c:ptCount val="26"/>
                <c:pt idx="0">
                  <c:v>51.1</c:v>
                </c:pt>
                <c:pt idx="1">
                  <c:v>51.1</c:v>
                </c:pt>
                <c:pt idx="2">
                  <c:v>52.4</c:v>
                </c:pt>
                <c:pt idx="3">
                  <c:v>50.5</c:v>
                </c:pt>
                <c:pt idx="4">
                  <c:v>50.7</c:v>
                </c:pt>
                <c:pt idx="5">
                  <c:v>51.7</c:v>
                </c:pt>
                <c:pt idx="6">
                  <c:v>51.8</c:v>
                </c:pt>
                <c:pt idx="7">
                  <c:v>52.6</c:v>
                </c:pt>
                <c:pt idx="8">
                  <c:v>52.1</c:v>
                </c:pt>
                <c:pt idx="9">
                  <c:v>54.4</c:v>
                </c:pt>
                <c:pt idx="10">
                  <c:v>52.3</c:v>
                </c:pt>
                <c:pt idx="11">
                  <c:v>49.6</c:v>
                </c:pt>
                <c:pt idx="12">
                  <c:v>50.4</c:v>
                </c:pt>
                <c:pt idx="13">
                  <c:v>50.7</c:v>
                </c:pt>
                <c:pt idx="14">
                  <c:v>52.5</c:v>
                </c:pt>
                <c:pt idx="15">
                  <c:v>52.5</c:v>
                </c:pt>
                <c:pt idx="16">
                  <c:v>51.6</c:v>
                </c:pt>
                <c:pt idx="17">
                  <c:v>50.9</c:v>
                </c:pt>
                <c:pt idx="18">
                  <c:v>47.9</c:v>
                </c:pt>
                <c:pt idx="19">
                  <c:v>51.2</c:v>
                </c:pt>
                <c:pt idx="20">
                  <c:v>51.2</c:v>
                </c:pt>
                <c:pt idx="21">
                  <c:v>50.3</c:v>
                </c:pt>
                <c:pt idx="22">
                  <c:v>52.6</c:v>
                </c:pt>
                <c:pt idx="23">
                  <c:v>54.7</c:v>
                </c:pt>
                <c:pt idx="24">
                  <c:v>52.4</c:v>
                </c:pt>
                <c:pt idx="25">
                  <c:v>52.1</c:v>
                </c:pt>
              </c:numCache>
            </c:numRef>
          </c:val>
          <c:smooth val="0"/>
          <c:extLst>
            <c:ext xmlns:c16="http://schemas.microsoft.com/office/drawing/2014/chart" uri="{C3380CC4-5D6E-409C-BE32-E72D297353CC}">
              <c16:uniqueId val="{00000000-6480-4DC6-ABAB-00655767FF28}"/>
            </c:ext>
          </c:extLst>
        </c:ser>
        <c:dLbls>
          <c:showLegendKey val="0"/>
          <c:showVal val="0"/>
          <c:showCatName val="0"/>
          <c:showSerName val="0"/>
          <c:showPercent val="0"/>
          <c:showBubbleSize val="0"/>
        </c:dLbls>
        <c:marker val="1"/>
        <c:smooth val="0"/>
        <c:axId val="896957208"/>
        <c:axId val="896962784"/>
      </c:lineChart>
      <c:lineChart>
        <c:grouping val="standard"/>
        <c:varyColors val="0"/>
        <c:ser>
          <c:idx val="1"/>
          <c:order val="1"/>
          <c:tx>
            <c:strRef>
              <c:f>Sheet1!$C$1</c:f>
              <c:strCache>
                <c:ptCount val="1"/>
                <c:pt idx="0">
                  <c:v>Consumer confidence (right axis)</c:v>
                </c:pt>
              </c:strCache>
            </c:strRef>
          </c:tx>
          <c:spPr>
            <a:ln w="31750" cap="rnd">
              <a:solidFill>
                <a:schemeClr val="accent2"/>
              </a:solidFill>
              <a:round/>
            </a:ln>
            <a:effectLst/>
          </c:spPr>
          <c:marker>
            <c:symbol val="none"/>
          </c:marker>
          <c:cat>
            <c:strRef>
              <c:f>Sheet1!$A$2:$A$27</c:f>
              <c:strCache>
                <c:ptCount val="26"/>
                <c:pt idx="0">
                  <c:v>Jan2016</c:v>
                </c:pt>
                <c:pt idx="1">
                  <c:v>Feb-16</c:v>
                </c:pt>
                <c:pt idx="2">
                  <c:v>Mar-16</c:v>
                </c:pt>
                <c:pt idx="3">
                  <c:v>Apr-16</c:v>
                </c:pt>
                <c:pt idx="4">
                  <c:v>May-16</c:v>
                </c:pt>
                <c:pt idx="5">
                  <c:v>Jun-16</c:v>
                </c:pt>
                <c:pt idx="6">
                  <c:v>Jul-16</c:v>
                </c:pt>
                <c:pt idx="7">
                  <c:v>Aug-16</c:v>
                </c:pt>
                <c:pt idx="8">
                  <c:v>Sep-16</c:v>
                </c:pt>
                <c:pt idx="9">
                  <c:v>Oct-16</c:v>
                </c:pt>
                <c:pt idx="10">
                  <c:v>Nov-16</c:v>
                </c:pt>
                <c:pt idx="11">
                  <c:v>Dec-16</c:v>
                </c:pt>
                <c:pt idx="12">
                  <c:v>Jan-17</c:v>
                </c:pt>
                <c:pt idx="13">
                  <c:v>Feb-17</c:v>
                </c:pt>
                <c:pt idx="14">
                  <c:v>Mar-17</c:v>
                </c:pt>
                <c:pt idx="15">
                  <c:v>Apr-17</c:v>
                </c:pt>
                <c:pt idx="16">
                  <c:v>May-17</c:v>
                </c:pt>
                <c:pt idx="17">
                  <c:v>Jun-17</c:v>
                </c:pt>
                <c:pt idx="18">
                  <c:v>Jul-17</c:v>
                </c:pt>
                <c:pt idx="19">
                  <c:v>Aug-17</c:v>
                </c:pt>
                <c:pt idx="20">
                  <c:v>Sep-17</c:v>
                </c:pt>
                <c:pt idx="21">
                  <c:v>Oct-17</c:v>
                </c:pt>
                <c:pt idx="22">
                  <c:v>Nov-17</c:v>
                </c:pt>
                <c:pt idx="23">
                  <c:v>Dec-17</c:v>
                </c:pt>
                <c:pt idx="24">
                  <c:v>Jan-18</c:v>
                </c:pt>
                <c:pt idx="25">
                  <c:v>Feb-18</c:v>
                </c:pt>
              </c:strCache>
            </c:strRef>
          </c:cat>
          <c:val>
            <c:numRef>
              <c:f>Sheet1!$C$2:$C$27</c:f>
              <c:numCache>
                <c:formatCode>General</c:formatCode>
                <c:ptCount val="26"/>
                <c:pt idx="0">
                  <c:v>#N/A</c:v>
                </c:pt>
                <c:pt idx="1">
                  <c:v>#N/A</c:v>
                </c:pt>
                <c:pt idx="2">
                  <c:v>-4.1436464088397713</c:v>
                </c:pt>
                <c:pt idx="3">
                  <c:v>#N/A</c:v>
                </c:pt>
                <c:pt idx="4">
                  <c:v>#N/A</c:v>
                </c:pt>
                <c:pt idx="5">
                  <c:v>-2.5069637883008369</c:v>
                </c:pt>
                <c:pt idx="6">
                  <c:v>#N/A</c:v>
                </c:pt>
                <c:pt idx="7">
                  <c:v>#N/A</c:v>
                </c:pt>
                <c:pt idx="8">
                  <c:v>1.2633624878522767</c:v>
                </c:pt>
                <c:pt idx="9">
                  <c:v>#N/A</c:v>
                </c:pt>
                <c:pt idx="10">
                  <c:v>#N/A</c:v>
                </c:pt>
                <c:pt idx="11" formatCode="0.0">
                  <c:v>2.3809523809523796</c:v>
                </c:pt>
                <c:pt idx="12">
                  <c:v>#N/A</c:v>
                </c:pt>
                <c:pt idx="13">
                  <c:v>#N/A</c:v>
                </c:pt>
                <c:pt idx="14">
                  <c:v>-5.1873198847262216</c:v>
                </c:pt>
                <c:pt idx="15">
                  <c:v>#N/A</c:v>
                </c:pt>
                <c:pt idx="16">
                  <c:v>#N/A</c:v>
                </c:pt>
                <c:pt idx="17">
                  <c:v>-6.2857142857142776</c:v>
                </c:pt>
                <c:pt idx="18">
                  <c:v>#N/A</c:v>
                </c:pt>
                <c:pt idx="19">
                  <c:v>#N/A</c:v>
                </c:pt>
                <c:pt idx="20">
                  <c:v>-8.3493282149712087</c:v>
                </c:pt>
                <c:pt idx="21">
                  <c:v>#N/A</c:v>
                </c:pt>
                <c:pt idx="22">
                  <c:v>#N/A</c:v>
                </c:pt>
                <c:pt idx="23">
                  <c:v>-10.773611770289506</c:v>
                </c:pt>
                <c:pt idx="24">
                  <c:v>#N/A</c:v>
                </c:pt>
                <c:pt idx="25">
                  <c:v>#N/A</c:v>
                </c:pt>
              </c:numCache>
            </c:numRef>
          </c:val>
          <c:smooth val="0"/>
          <c:extLst>
            <c:ext xmlns:c16="http://schemas.microsoft.com/office/drawing/2014/chart" uri="{C3380CC4-5D6E-409C-BE32-E72D297353CC}">
              <c16:uniqueId val="{00000001-6480-4DC6-ABAB-00655767FF28}"/>
            </c:ext>
          </c:extLst>
        </c:ser>
        <c:dLbls>
          <c:showLegendKey val="0"/>
          <c:showVal val="0"/>
          <c:showCatName val="0"/>
          <c:showSerName val="0"/>
          <c:showPercent val="0"/>
          <c:showBubbleSize val="0"/>
        </c:dLbls>
        <c:marker val="1"/>
        <c:smooth val="0"/>
        <c:axId val="682281888"/>
        <c:axId val="621217944"/>
      </c:lineChart>
      <c:catAx>
        <c:axId val="896957208"/>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5400000" spcFirstLastPara="1" vertOverflow="ellipsis" wrap="square" anchor="ctr" anchorCtr="1"/>
          <a:lstStyle/>
          <a:p>
            <a:pPr>
              <a:defRPr sz="12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896962784"/>
        <c:crosses val="autoZero"/>
        <c:auto val="1"/>
        <c:lblAlgn val="ctr"/>
        <c:lblOffset val="100"/>
        <c:noMultiLvlLbl val="0"/>
      </c:catAx>
      <c:valAx>
        <c:axId val="896962784"/>
        <c:scaling>
          <c:orientation val="minMax"/>
        </c:scaling>
        <c:delete val="0"/>
        <c:axPos val="l"/>
        <c:title>
          <c:tx>
            <c:rich>
              <a:bodyPr rot="0" spcFirstLastPara="1" vertOverflow="ellipsis" wrap="square" anchor="ctr" anchorCtr="1"/>
              <a:lstStyle/>
              <a:p>
                <a:pPr>
                  <a:defRPr sz="14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a:t>Index</a:t>
                </a:r>
              </a:p>
            </c:rich>
          </c:tx>
          <c:layout>
            <c:manualLayout>
              <c:xMode val="edge"/>
              <c:yMode val="edge"/>
              <c:x val="4.6875E-2"/>
              <c:y val="0.1114640748031496"/>
            </c:manualLayout>
          </c:layout>
          <c:overlay val="0"/>
          <c:spPr>
            <a:noFill/>
            <a:ln>
              <a:noFill/>
            </a:ln>
            <a:effectLst/>
          </c:spPr>
          <c:txPr>
            <a:bodyPr rot="0" spcFirstLastPara="1" vertOverflow="ellipsis" wrap="square" anchor="ctr" anchorCtr="1"/>
            <a:lstStyle/>
            <a:p>
              <a:pPr>
                <a:defRPr sz="14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General" sourceLinked="1"/>
        <c:majorTickMark val="out"/>
        <c:minorTickMark val="none"/>
        <c:tickLblPos val="nextTo"/>
        <c:spPr>
          <a:noFill/>
          <a:ln>
            <a:solidFill>
              <a:schemeClr val="bg1">
                <a:lumMod val="65000"/>
              </a:schemeClr>
            </a:solidFill>
          </a:ln>
          <a:effectLst/>
        </c:spPr>
        <c:txPr>
          <a:bodyPr rot="-60000000" spcFirstLastPara="1" vertOverflow="ellipsis" vert="horz" wrap="square" anchor="ctr" anchorCtr="1"/>
          <a:lstStyle/>
          <a:p>
            <a:pPr>
              <a:defRPr sz="14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896957208"/>
        <c:crosses val="autoZero"/>
        <c:crossBetween val="between"/>
      </c:valAx>
      <c:valAx>
        <c:axId val="621217944"/>
        <c:scaling>
          <c:orientation val="minMax"/>
        </c:scaling>
        <c:delete val="0"/>
        <c:axPos val="r"/>
        <c:title>
          <c:tx>
            <c:rich>
              <a:bodyPr rot="0" spcFirstLastPara="1" vertOverflow="ellipsis" wrap="square" anchor="ctr" anchorCtr="1"/>
              <a:lstStyle/>
              <a:p>
                <a:pPr>
                  <a:defRPr sz="12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200" dirty="0"/>
                  <a:t>% change, year</a:t>
                </a:r>
                <a:r>
                  <a:rPr lang="en-US" sz="1200" baseline="0" dirty="0"/>
                  <a:t> on year</a:t>
                </a:r>
                <a:endParaRPr lang="en-US" sz="1200" dirty="0"/>
              </a:p>
            </c:rich>
          </c:tx>
          <c:layout>
            <c:manualLayout>
              <c:xMode val="edge"/>
              <c:yMode val="edge"/>
              <c:x val="0.91042288557213935"/>
              <c:y val="0.10281284754659904"/>
            </c:manualLayout>
          </c:layout>
          <c:overlay val="0"/>
          <c:spPr>
            <a:noFill/>
            <a:ln>
              <a:noFill/>
            </a:ln>
            <a:effectLst/>
          </c:spPr>
          <c:txPr>
            <a:bodyPr rot="0" spcFirstLastPara="1" vertOverflow="ellipsis" wrap="square" anchor="ctr" anchorCtr="1"/>
            <a:lstStyle/>
            <a:p>
              <a:pPr>
                <a:defRPr sz="12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General" sourceLinked="1"/>
        <c:majorTickMark val="out"/>
        <c:minorTickMark val="none"/>
        <c:tickLblPos val="nextTo"/>
        <c:spPr>
          <a:noFill/>
          <a:ln>
            <a:solidFill>
              <a:schemeClr val="bg1">
                <a:lumMod val="65000"/>
              </a:schemeClr>
            </a:solidFill>
          </a:ln>
          <a:effectLst/>
        </c:spPr>
        <c:txPr>
          <a:bodyPr rot="-60000000" spcFirstLastPara="1" vertOverflow="ellipsis" vert="horz" wrap="square" anchor="ctr" anchorCtr="1"/>
          <a:lstStyle/>
          <a:p>
            <a:pPr>
              <a:defRPr sz="14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682281888"/>
        <c:crosses val="max"/>
        <c:crossBetween val="between"/>
        <c:majorUnit val="3"/>
      </c:valAx>
      <c:catAx>
        <c:axId val="682281888"/>
        <c:scaling>
          <c:orientation val="minMax"/>
        </c:scaling>
        <c:delete val="1"/>
        <c:axPos val="b"/>
        <c:numFmt formatCode="General" sourceLinked="1"/>
        <c:majorTickMark val="out"/>
        <c:minorTickMark val="none"/>
        <c:tickLblPos val="nextTo"/>
        <c:crossAx val="621217944"/>
        <c:crosses val="autoZero"/>
        <c:auto val="1"/>
        <c:lblAlgn val="ctr"/>
        <c:lblOffset val="100"/>
        <c:noMultiLvlLbl val="0"/>
      </c:catAx>
      <c:spPr>
        <a:noFill/>
        <a:ln>
          <a:noFill/>
        </a:ln>
        <a:effectLst/>
      </c:spPr>
    </c:plotArea>
    <c:legend>
      <c:legendPos val="t"/>
      <c:legendEntry>
        <c:idx val="0"/>
        <c:txPr>
          <a:bodyPr rot="0" spcFirstLastPara="1" vertOverflow="ellipsis" vert="horz" wrap="square" anchor="ctr" anchorCtr="1"/>
          <a:lstStyle/>
          <a:p>
            <a:pPr>
              <a:defRPr sz="1400" b="1" i="0" u="none" strike="noStrike" kern="1200" baseline="0">
                <a:solidFill>
                  <a:srgbClr val="0070C0"/>
                </a:solidFill>
                <a:latin typeface="Arial" panose="020B0604020202020204" pitchFamily="34" charset="0"/>
                <a:ea typeface="+mn-ea"/>
                <a:cs typeface="Arial" panose="020B0604020202020204" pitchFamily="34" charset="0"/>
              </a:defRPr>
            </a:pPr>
            <a:endParaRPr lang="en-US"/>
          </a:p>
        </c:txPr>
      </c:legendEntry>
      <c:legendEntry>
        <c:idx val="1"/>
        <c:txPr>
          <a:bodyPr rot="0" spcFirstLastPara="1" vertOverflow="ellipsis" vert="horz" wrap="square" anchor="ctr" anchorCtr="1"/>
          <a:lstStyle/>
          <a:p>
            <a:pPr>
              <a:defRPr sz="1400" b="1" i="0" u="none" strike="noStrike" kern="1200" baseline="0">
                <a:solidFill>
                  <a:srgbClr val="C00000"/>
                </a:solidFill>
                <a:latin typeface="Arial" panose="020B0604020202020204" pitchFamily="34" charset="0"/>
                <a:ea typeface="+mn-ea"/>
                <a:cs typeface="Arial" panose="020B0604020202020204" pitchFamily="34" charset="0"/>
              </a:defRPr>
            </a:pPr>
            <a:endParaRPr lang="en-US"/>
          </a:p>
        </c:txPr>
      </c:legendEntry>
      <c:overlay val="0"/>
      <c:spPr>
        <a:noFill/>
        <a:ln>
          <a:noFill/>
        </a:ln>
        <a:effectLst/>
      </c:spPr>
      <c:txPr>
        <a:bodyPr rot="0" spcFirstLastPara="1" vertOverflow="ellipsis" vert="horz" wrap="square" anchor="ctr" anchorCtr="1"/>
        <a:lstStyle/>
        <a:p>
          <a:pPr>
            <a:defRPr sz="14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a:noFill/>
    </a:ln>
    <a:effectLst/>
  </c:spPr>
  <c:txPr>
    <a:bodyPr/>
    <a:lstStyle/>
    <a:p>
      <a:pPr>
        <a:defRPr sz="1400">
          <a:latin typeface="Arial" panose="020B0604020202020204" pitchFamily="34" charset="0"/>
          <a:cs typeface="Arial" panose="020B0604020202020204" pitchFamily="34" charset="0"/>
        </a:defRPr>
      </a:pPr>
      <a:endParaRPr lang="en-US"/>
    </a:p>
  </c:txPr>
  <c:externalData r:id="rId3">
    <c:autoUpdate val="0"/>
  </c:externalData>
  <c:userShapes r:id="rId4"/>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800" b="1" i="0" u="none" strike="noStrike" kern="1200" spc="0" baseline="0">
                <a:solidFill>
                  <a:srgbClr val="0070C0"/>
                </a:solidFill>
                <a:latin typeface="Arial" panose="020B0604020202020204" pitchFamily="34" charset="0"/>
                <a:ea typeface="+mn-ea"/>
                <a:cs typeface="Arial" panose="020B0604020202020204" pitchFamily="34" charset="0"/>
              </a:defRPr>
            </a:pPr>
            <a:r>
              <a:rPr lang="en-US" sz="1800" b="1">
                <a:solidFill>
                  <a:srgbClr val="0070C0"/>
                </a:solidFill>
                <a:latin typeface="Arial" panose="020B0604020202020204" pitchFamily="34" charset="0"/>
                <a:cs typeface="Arial" panose="020B0604020202020204" pitchFamily="34" charset="0"/>
              </a:rPr>
              <a:t>Brent crude</a:t>
            </a:r>
            <a:r>
              <a:rPr lang="en-US" sz="1800" b="1" baseline="0">
                <a:solidFill>
                  <a:srgbClr val="0070C0"/>
                </a:solidFill>
                <a:latin typeface="Arial" panose="020B0604020202020204" pitchFamily="34" charset="0"/>
                <a:cs typeface="Arial" panose="020B0604020202020204" pitchFamily="34" charset="0"/>
              </a:rPr>
              <a:t> prices</a:t>
            </a:r>
            <a:endParaRPr lang="en-US" sz="1800" b="1">
              <a:solidFill>
                <a:srgbClr val="0070C0"/>
              </a:solidFill>
              <a:latin typeface="Arial" panose="020B0604020202020204" pitchFamily="34" charset="0"/>
              <a:cs typeface="Arial" panose="020B0604020202020204" pitchFamily="34" charset="0"/>
            </a:endParaRPr>
          </a:p>
        </c:rich>
      </c:tx>
      <c:layout>
        <c:manualLayout>
          <c:xMode val="edge"/>
          <c:yMode val="edge"/>
          <c:x val="1.4242745930644016E-2"/>
          <c:y val="1.7882689556509301E-2"/>
        </c:manualLayout>
      </c:layout>
      <c:overlay val="0"/>
      <c:spPr>
        <a:noFill/>
        <a:ln>
          <a:noFill/>
        </a:ln>
        <a:effectLst/>
      </c:spPr>
      <c:txPr>
        <a:bodyPr rot="0" spcFirstLastPara="1" vertOverflow="ellipsis" vert="horz" wrap="square" anchor="ctr" anchorCtr="1"/>
        <a:lstStyle/>
        <a:p>
          <a:pPr>
            <a:defRPr sz="1800" b="1" i="0" u="none" strike="noStrike" kern="1200" spc="0" baseline="0">
              <a:solidFill>
                <a:srgbClr val="0070C0"/>
              </a:solidFill>
              <a:latin typeface="Arial" panose="020B0604020202020204" pitchFamily="34" charset="0"/>
              <a:ea typeface="+mn-ea"/>
              <a:cs typeface="Arial" panose="020B0604020202020204" pitchFamily="34" charset="0"/>
            </a:defRPr>
          </a:pPr>
          <a:endParaRPr lang="en-US"/>
        </a:p>
      </c:txPr>
    </c:title>
    <c:autoTitleDeleted val="0"/>
    <c:plotArea>
      <c:layout>
        <c:manualLayout>
          <c:layoutTarget val="inner"/>
          <c:xMode val="edge"/>
          <c:yMode val="edge"/>
          <c:x val="0.10808058229184163"/>
          <c:y val="0.22454151791554408"/>
          <c:w val="0.79268435394620262"/>
          <c:h val="0.63335178700419192"/>
        </c:manualLayout>
      </c:layout>
      <c:lineChart>
        <c:grouping val="standard"/>
        <c:varyColors val="0"/>
        <c:ser>
          <c:idx val="0"/>
          <c:order val="0"/>
          <c:tx>
            <c:strRef>
              <c:f>'1 spot crude'!$C$3</c:f>
              <c:strCache>
                <c:ptCount val="1"/>
                <c:pt idx="0">
                  <c:v>Spot</c:v>
                </c:pt>
              </c:strCache>
            </c:strRef>
          </c:tx>
          <c:spPr>
            <a:ln w="28575" cap="rnd">
              <a:solidFill>
                <a:schemeClr val="accent1"/>
              </a:solidFill>
              <a:round/>
            </a:ln>
            <a:effectLst/>
          </c:spPr>
          <c:marker>
            <c:symbol val="none"/>
          </c:marker>
          <c:dPt>
            <c:idx val="895"/>
            <c:marker>
              <c:symbol val="none"/>
            </c:marker>
            <c:bubble3D val="0"/>
            <c:extLst>
              <c:ext xmlns:c16="http://schemas.microsoft.com/office/drawing/2014/chart" uri="{C3380CC4-5D6E-409C-BE32-E72D297353CC}">
                <c16:uniqueId val="{00000000-C40A-4D83-9266-A47BC7263932}"/>
              </c:ext>
            </c:extLst>
          </c:dPt>
          <c:cat>
            <c:numRef>
              <c:f>'1 spot crude'!$B$4:$B$1561</c:f>
              <c:numCache>
                <c:formatCode>dd/mm/yyyy</c:formatCode>
                <c:ptCount val="1558"/>
                <c:pt idx="0">
                  <c:v>41641</c:v>
                </c:pt>
                <c:pt idx="1">
                  <c:v>41642</c:v>
                </c:pt>
                <c:pt idx="2">
                  <c:v>41645</c:v>
                </c:pt>
                <c:pt idx="3">
                  <c:v>41646</c:v>
                </c:pt>
                <c:pt idx="4">
                  <c:v>41647</c:v>
                </c:pt>
                <c:pt idx="5">
                  <c:v>41648</c:v>
                </c:pt>
                <c:pt idx="6">
                  <c:v>41649</c:v>
                </c:pt>
                <c:pt idx="7">
                  <c:v>41652</c:v>
                </c:pt>
                <c:pt idx="8">
                  <c:v>41653</c:v>
                </c:pt>
                <c:pt idx="9">
                  <c:v>41654</c:v>
                </c:pt>
                <c:pt idx="10">
                  <c:v>41655</c:v>
                </c:pt>
                <c:pt idx="11">
                  <c:v>41656</c:v>
                </c:pt>
                <c:pt idx="12">
                  <c:v>41659</c:v>
                </c:pt>
                <c:pt idx="13">
                  <c:v>41660</c:v>
                </c:pt>
                <c:pt idx="14">
                  <c:v>41661</c:v>
                </c:pt>
                <c:pt idx="15">
                  <c:v>41662</c:v>
                </c:pt>
                <c:pt idx="16">
                  <c:v>41663</c:v>
                </c:pt>
                <c:pt idx="17">
                  <c:v>41666</c:v>
                </c:pt>
                <c:pt idx="18">
                  <c:v>41667</c:v>
                </c:pt>
                <c:pt idx="19">
                  <c:v>41668</c:v>
                </c:pt>
                <c:pt idx="20">
                  <c:v>41669</c:v>
                </c:pt>
                <c:pt idx="21">
                  <c:v>41670</c:v>
                </c:pt>
                <c:pt idx="22">
                  <c:v>41673</c:v>
                </c:pt>
                <c:pt idx="23">
                  <c:v>41674</c:v>
                </c:pt>
                <c:pt idx="24">
                  <c:v>41675</c:v>
                </c:pt>
                <c:pt idx="25">
                  <c:v>41676</c:v>
                </c:pt>
                <c:pt idx="26">
                  <c:v>41677</c:v>
                </c:pt>
                <c:pt idx="27">
                  <c:v>41680</c:v>
                </c:pt>
                <c:pt idx="28">
                  <c:v>41681</c:v>
                </c:pt>
                <c:pt idx="29">
                  <c:v>41682</c:v>
                </c:pt>
                <c:pt idx="30">
                  <c:v>41683</c:v>
                </c:pt>
                <c:pt idx="31">
                  <c:v>41684</c:v>
                </c:pt>
                <c:pt idx="32">
                  <c:v>41687</c:v>
                </c:pt>
                <c:pt idx="33">
                  <c:v>41688</c:v>
                </c:pt>
                <c:pt idx="34">
                  <c:v>41689</c:v>
                </c:pt>
                <c:pt idx="35">
                  <c:v>41690</c:v>
                </c:pt>
                <c:pt idx="36">
                  <c:v>41691</c:v>
                </c:pt>
                <c:pt idx="37">
                  <c:v>41694</c:v>
                </c:pt>
                <c:pt idx="38">
                  <c:v>41695</c:v>
                </c:pt>
                <c:pt idx="39">
                  <c:v>41696</c:v>
                </c:pt>
                <c:pt idx="40">
                  <c:v>41697</c:v>
                </c:pt>
                <c:pt idx="41">
                  <c:v>41698</c:v>
                </c:pt>
                <c:pt idx="42">
                  <c:v>41701</c:v>
                </c:pt>
                <c:pt idx="43">
                  <c:v>41702</c:v>
                </c:pt>
                <c:pt idx="44">
                  <c:v>41703</c:v>
                </c:pt>
                <c:pt idx="45">
                  <c:v>41704</c:v>
                </c:pt>
                <c:pt idx="46">
                  <c:v>41705</c:v>
                </c:pt>
                <c:pt idx="47">
                  <c:v>41708</c:v>
                </c:pt>
                <c:pt idx="48">
                  <c:v>41709</c:v>
                </c:pt>
                <c:pt idx="49">
                  <c:v>41710</c:v>
                </c:pt>
                <c:pt idx="50">
                  <c:v>41711</c:v>
                </c:pt>
                <c:pt idx="51">
                  <c:v>41712</c:v>
                </c:pt>
                <c:pt idx="52">
                  <c:v>41715</c:v>
                </c:pt>
                <c:pt idx="53">
                  <c:v>41716</c:v>
                </c:pt>
                <c:pt idx="54">
                  <c:v>41717</c:v>
                </c:pt>
                <c:pt idx="55">
                  <c:v>41718</c:v>
                </c:pt>
                <c:pt idx="56">
                  <c:v>41719</c:v>
                </c:pt>
                <c:pt idx="57">
                  <c:v>41722</c:v>
                </c:pt>
                <c:pt idx="58">
                  <c:v>41723</c:v>
                </c:pt>
                <c:pt idx="59">
                  <c:v>41724</c:v>
                </c:pt>
                <c:pt idx="60">
                  <c:v>41725</c:v>
                </c:pt>
                <c:pt idx="61">
                  <c:v>41726</c:v>
                </c:pt>
                <c:pt idx="62">
                  <c:v>41729</c:v>
                </c:pt>
                <c:pt idx="63">
                  <c:v>41730</c:v>
                </c:pt>
                <c:pt idx="64">
                  <c:v>41731</c:v>
                </c:pt>
                <c:pt idx="65">
                  <c:v>41732</c:v>
                </c:pt>
                <c:pt idx="66">
                  <c:v>41733</c:v>
                </c:pt>
                <c:pt idx="67">
                  <c:v>41736</c:v>
                </c:pt>
                <c:pt idx="68">
                  <c:v>41737</c:v>
                </c:pt>
                <c:pt idx="69">
                  <c:v>41738</c:v>
                </c:pt>
                <c:pt idx="70">
                  <c:v>41739</c:v>
                </c:pt>
                <c:pt idx="71">
                  <c:v>41740</c:v>
                </c:pt>
                <c:pt idx="72">
                  <c:v>41743</c:v>
                </c:pt>
                <c:pt idx="73">
                  <c:v>41744</c:v>
                </c:pt>
                <c:pt idx="74">
                  <c:v>41745</c:v>
                </c:pt>
                <c:pt idx="75">
                  <c:v>41746</c:v>
                </c:pt>
                <c:pt idx="76">
                  <c:v>41750</c:v>
                </c:pt>
                <c:pt idx="77">
                  <c:v>41751</c:v>
                </c:pt>
                <c:pt idx="78">
                  <c:v>41752</c:v>
                </c:pt>
                <c:pt idx="79">
                  <c:v>41753</c:v>
                </c:pt>
                <c:pt idx="80">
                  <c:v>41754</c:v>
                </c:pt>
                <c:pt idx="81">
                  <c:v>41757</c:v>
                </c:pt>
                <c:pt idx="82">
                  <c:v>41758</c:v>
                </c:pt>
                <c:pt idx="83">
                  <c:v>41759</c:v>
                </c:pt>
                <c:pt idx="84">
                  <c:v>41760</c:v>
                </c:pt>
                <c:pt idx="85">
                  <c:v>41761</c:v>
                </c:pt>
                <c:pt idx="86">
                  <c:v>41764</c:v>
                </c:pt>
                <c:pt idx="87">
                  <c:v>41765</c:v>
                </c:pt>
                <c:pt idx="88">
                  <c:v>41766</c:v>
                </c:pt>
                <c:pt idx="89">
                  <c:v>41767</c:v>
                </c:pt>
                <c:pt idx="90">
                  <c:v>41768</c:v>
                </c:pt>
                <c:pt idx="91">
                  <c:v>41771</c:v>
                </c:pt>
                <c:pt idx="92">
                  <c:v>41772</c:v>
                </c:pt>
                <c:pt idx="93">
                  <c:v>41773</c:v>
                </c:pt>
                <c:pt idx="94">
                  <c:v>41774</c:v>
                </c:pt>
                <c:pt idx="95">
                  <c:v>41775</c:v>
                </c:pt>
                <c:pt idx="96">
                  <c:v>41778</c:v>
                </c:pt>
                <c:pt idx="97">
                  <c:v>41779</c:v>
                </c:pt>
                <c:pt idx="98">
                  <c:v>41780</c:v>
                </c:pt>
                <c:pt idx="99">
                  <c:v>41781</c:v>
                </c:pt>
                <c:pt idx="100">
                  <c:v>41782</c:v>
                </c:pt>
                <c:pt idx="101">
                  <c:v>41785</c:v>
                </c:pt>
                <c:pt idx="102">
                  <c:v>41786</c:v>
                </c:pt>
                <c:pt idx="103">
                  <c:v>41787</c:v>
                </c:pt>
                <c:pt idx="104">
                  <c:v>41788</c:v>
                </c:pt>
                <c:pt idx="105">
                  <c:v>41789</c:v>
                </c:pt>
                <c:pt idx="106">
                  <c:v>41792</c:v>
                </c:pt>
                <c:pt idx="107">
                  <c:v>41793</c:v>
                </c:pt>
                <c:pt idx="108">
                  <c:v>41794</c:v>
                </c:pt>
                <c:pt idx="109">
                  <c:v>41795</c:v>
                </c:pt>
                <c:pt idx="110">
                  <c:v>41796</c:v>
                </c:pt>
                <c:pt idx="111">
                  <c:v>41799</c:v>
                </c:pt>
                <c:pt idx="112">
                  <c:v>41800</c:v>
                </c:pt>
                <c:pt idx="113">
                  <c:v>41801</c:v>
                </c:pt>
                <c:pt idx="114">
                  <c:v>41802</c:v>
                </c:pt>
                <c:pt idx="115">
                  <c:v>41803</c:v>
                </c:pt>
                <c:pt idx="116">
                  <c:v>41806</c:v>
                </c:pt>
                <c:pt idx="117">
                  <c:v>41807</c:v>
                </c:pt>
                <c:pt idx="118">
                  <c:v>41808</c:v>
                </c:pt>
                <c:pt idx="119">
                  <c:v>41809</c:v>
                </c:pt>
                <c:pt idx="120">
                  <c:v>41810</c:v>
                </c:pt>
                <c:pt idx="121">
                  <c:v>41813</c:v>
                </c:pt>
                <c:pt idx="122">
                  <c:v>41814</c:v>
                </c:pt>
                <c:pt idx="123">
                  <c:v>41815</c:v>
                </c:pt>
                <c:pt idx="124">
                  <c:v>41816</c:v>
                </c:pt>
                <c:pt idx="125">
                  <c:v>41817</c:v>
                </c:pt>
                <c:pt idx="126">
                  <c:v>41820</c:v>
                </c:pt>
                <c:pt idx="127">
                  <c:v>41821</c:v>
                </c:pt>
                <c:pt idx="128">
                  <c:v>41822</c:v>
                </c:pt>
                <c:pt idx="129">
                  <c:v>41823</c:v>
                </c:pt>
                <c:pt idx="130">
                  <c:v>41824</c:v>
                </c:pt>
                <c:pt idx="131">
                  <c:v>41827</c:v>
                </c:pt>
                <c:pt idx="132">
                  <c:v>41828</c:v>
                </c:pt>
                <c:pt idx="133">
                  <c:v>41829</c:v>
                </c:pt>
                <c:pt idx="134">
                  <c:v>41830</c:v>
                </c:pt>
                <c:pt idx="135">
                  <c:v>41831</c:v>
                </c:pt>
                <c:pt idx="136">
                  <c:v>41834</c:v>
                </c:pt>
                <c:pt idx="137">
                  <c:v>41835</c:v>
                </c:pt>
                <c:pt idx="138">
                  <c:v>41836</c:v>
                </c:pt>
                <c:pt idx="139">
                  <c:v>41837</c:v>
                </c:pt>
                <c:pt idx="140">
                  <c:v>41838</c:v>
                </c:pt>
                <c:pt idx="141">
                  <c:v>41841</c:v>
                </c:pt>
                <c:pt idx="142">
                  <c:v>41842</c:v>
                </c:pt>
                <c:pt idx="143">
                  <c:v>41843</c:v>
                </c:pt>
                <c:pt idx="144">
                  <c:v>41844</c:v>
                </c:pt>
                <c:pt idx="145">
                  <c:v>41845</c:v>
                </c:pt>
                <c:pt idx="146">
                  <c:v>41848</c:v>
                </c:pt>
                <c:pt idx="147">
                  <c:v>41849</c:v>
                </c:pt>
                <c:pt idx="148">
                  <c:v>41850</c:v>
                </c:pt>
                <c:pt idx="149">
                  <c:v>41851</c:v>
                </c:pt>
                <c:pt idx="150">
                  <c:v>41852</c:v>
                </c:pt>
                <c:pt idx="151">
                  <c:v>41855</c:v>
                </c:pt>
                <c:pt idx="152">
                  <c:v>41856</c:v>
                </c:pt>
                <c:pt idx="153">
                  <c:v>41857</c:v>
                </c:pt>
                <c:pt idx="154">
                  <c:v>41858</c:v>
                </c:pt>
                <c:pt idx="155">
                  <c:v>41859</c:v>
                </c:pt>
                <c:pt idx="156">
                  <c:v>41862</c:v>
                </c:pt>
                <c:pt idx="157">
                  <c:v>41863</c:v>
                </c:pt>
                <c:pt idx="158">
                  <c:v>41864</c:v>
                </c:pt>
                <c:pt idx="159">
                  <c:v>41865</c:v>
                </c:pt>
                <c:pt idx="160">
                  <c:v>41866</c:v>
                </c:pt>
                <c:pt idx="161">
                  <c:v>41869</c:v>
                </c:pt>
                <c:pt idx="162">
                  <c:v>41870</c:v>
                </c:pt>
                <c:pt idx="163">
                  <c:v>41871</c:v>
                </c:pt>
                <c:pt idx="164">
                  <c:v>41872</c:v>
                </c:pt>
                <c:pt idx="165">
                  <c:v>41873</c:v>
                </c:pt>
                <c:pt idx="166">
                  <c:v>41876</c:v>
                </c:pt>
                <c:pt idx="167">
                  <c:v>41877</c:v>
                </c:pt>
                <c:pt idx="168">
                  <c:v>41878</c:v>
                </c:pt>
                <c:pt idx="169">
                  <c:v>41879</c:v>
                </c:pt>
                <c:pt idx="170">
                  <c:v>41880</c:v>
                </c:pt>
                <c:pt idx="171">
                  <c:v>41883</c:v>
                </c:pt>
                <c:pt idx="172">
                  <c:v>41884</c:v>
                </c:pt>
                <c:pt idx="173">
                  <c:v>41885</c:v>
                </c:pt>
                <c:pt idx="174">
                  <c:v>41886</c:v>
                </c:pt>
                <c:pt idx="175">
                  <c:v>41887</c:v>
                </c:pt>
                <c:pt idx="176">
                  <c:v>41890</c:v>
                </c:pt>
                <c:pt idx="177">
                  <c:v>41891</c:v>
                </c:pt>
                <c:pt idx="178">
                  <c:v>41892</c:v>
                </c:pt>
                <c:pt idx="179">
                  <c:v>41893</c:v>
                </c:pt>
                <c:pt idx="180">
                  <c:v>41894</c:v>
                </c:pt>
                <c:pt idx="181">
                  <c:v>41897</c:v>
                </c:pt>
                <c:pt idx="182">
                  <c:v>41898</c:v>
                </c:pt>
                <c:pt idx="183">
                  <c:v>41899</c:v>
                </c:pt>
                <c:pt idx="184">
                  <c:v>41900</c:v>
                </c:pt>
                <c:pt idx="185">
                  <c:v>41901</c:v>
                </c:pt>
                <c:pt idx="186">
                  <c:v>41904</c:v>
                </c:pt>
                <c:pt idx="187">
                  <c:v>41905</c:v>
                </c:pt>
                <c:pt idx="188">
                  <c:v>41906</c:v>
                </c:pt>
                <c:pt idx="189">
                  <c:v>41907</c:v>
                </c:pt>
                <c:pt idx="190">
                  <c:v>41908</c:v>
                </c:pt>
                <c:pt idx="191">
                  <c:v>41911</c:v>
                </c:pt>
                <c:pt idx="192">
                  <c:v>41912</c:v>
                </c:pt>
                <c:pt idx="193">
                  <c:v>41913</c:v>
                </c:pt>
                <c:pt idx="194">
                  <c:v>41914</c:v>
                </c:pt>
                <c:pt idx="195">
                  <c:v>41915</c:v>
                </c:pt>
                <c:pt idx="196">
                  <c:v>41918</c:v>
                </c:pt>
                <c:pt idx="197">
                  <c:v>41919</c:v>
                </c:pt>
                <c:pt idx="198">
                  <c:v>41920</c:v>
                </c:pt>
                <c:pt idx="199">
                  <c:v>41921</c:v>
                </c:pt>
                <c:pt idx="200">
                  <c:v>41922</c:v>
                </c:pt>
                <c:pt idx="201">
                  <c:v>41925</c:v>
                </c:pt>
                <c:pt idx="202">
                  <c:v>41926</c:v>
                </c:pt>
                <c:pt idx="203">
                  <c:v>41927</c:v>
                </c:pt>
                <c:pt idx="204">
                  <c:v>41928</c:v>
                </c:pt>
                <c:pt idx="205">
                  <c:v>41929</c:v>
                </c:pt>
                <c:pt idx="206">
                  <c:v>41932</c:v>
                </c:pt>
                <c:pt idx="207">
                  <c:v>41933</c:v>
                </c:pt>
                <c:pt idx="208">
                  <c:v>41934</c:v>
                </c:pt>
                <c:pt idx="209">
                  <c:v>41935</c:v>
                </c:pt>
                <c:pt idx="210">
                  <c:v>41936</c:v>
                </c:pt>
                <c:pt idx="211">
                  <c:v>41939</c:v>
                </c:pt>
                <c:pt idx="212">
                  <c:v>41940</c:v>
                </c:pt>
                <c:pt idx="213">
                  <c:v>41941</c:v>
                </c:pt>
                <c:pt idx="214">
                  <c:v>41942</c:v>
                </c:pt>
                <c:pt idx="215">
                  <c:v>41943</c:v>
                </c:pt>
                <c:pt idx="216">
                  <c:v>41946</c:v>
                </c:pt>
                <c:pt idx="217">
                  <c:v>41947</c:v>
                </c:pt>
                <c:pt idx="218">
                  <c:v>41948</c:v>
                </c:pt>
                <c:pt idx="219">
                  <c:v>41949</c:v>
                </c:pt>
                <c:pt idx="220">
                  <c:v>41950</c:v>
                </c:pt>
                <c:pt idx="221">
                  <c:v>41953</c:v>
                </c:pt>
                <c:pt idx="222">
                  <c:v>41954</c:v>
                </c:pt>
                <c:pt idx="223">
                  <c:v>41955</c:v>
                </c:pt>
                <c:pt idx="224">
                  <c:v>41956</c:v>
                </c:pt>
                <c:pt idx="225">
                  <c:v>41957</c:v>
                </c:pt>
                <c:pt idx="226">
                  <c:v>41960</c:v>
                </c:pt>
                <c:pt idx="227">
                  <c:v>41961</c:v>
                </c:pt>
                <c:pt idx="228">
                  <c:v>41962</c:v>
                </c:pt>
                <c:pt idx="229">
                  <c:v>41963</c:v>
                </c:pt>
                <c:pt idx="230">
                  <c:v>41964</c:v>
                </c:pt>
                <c:pt idx="231">
                  <c:v>41967</c:v>
                </c:pt>
                <c:pt idx="232">
                  <c:v>41968</c:v>
                </c:pt>
                <c:pt idx="233">
                  <c:v>41969</c:v>
                </c:pt>
                <c:pt idx="234">
                  <c:v>41970</c:v>
                </c:pt>
                <c:pt idx="235">
                  <c:v>41971</c:v>
                </c:pt>
                <c:pt idx="236">
                  <c:v>41974</c:v>
                </c:pt>
                <c:pt idx="237">
                  <c:v>41975</c:v>
                </c:pt>
                <c:pt idx="238">
                  <c:v>41976</c:v>
                </c:pt>
                <c:pt idx="239">
                  <c:v>41977</c:v>
                </c:pt>
                <c:pt idx="240">
                  <c:v>41978</c:v>
                </c:pt>
                <c:pt idx="241">
                  <c:v>41981</c:v>
                </c:pt>
                <c:pt idx="242">
                  <c:v>41982</c:v>
                </c:pt>
                <c:pt idx="243">
                  <c:v>41983</c:v>
                </c:pt>
                <c:pt idx="244">
                  <c:v>41984</c:v>
                </c:pt>
                <c:pt idx="245">
                  <c:v>41985</c:v>
                </c:pt>
                <c:pt idx="246">
                  <c:v>41988</c:v>
                </c:pt>
                <c:pt idx="247">
                  <c:v>41989</c:v>
                </c:pt>
                <c:pt idx="248">
                  <c:v>41990</c:v>
                </c:pt>
                <c:pt idx="249">
                  <c:v>41991</c:v>
                </c:pt>
                <c:pt idx="250">
                  <c:v>41992</c:v>
                </c:pt>
                <c:pt idx="251">
                  <c:v>41995</c:v>
                </c:pt>
                <c:pt idx="252">
                  <c:v>41996</c:v>
                </c:pt>
                <c:pt idx="253">
                  <c:v>41997</c:v>
                </c:pt>
                <c:pt idx="254">
                  <c:v>41999</c:v>
                </c:pt>
                <c:pt idx="255">
                  <c:v>42002</c:v>
                </c:pt>
                <c:pt idx="256">
                  <c:v>42003</c:v>
                </c:pt>
                <c:pt idx="257">
                  <c:v>42004</c:v>
                </c:pt>
                <c:pt idx="258">
                  <c:v>42006</c:v>
                </c:pt>
                <c:pt idx="259">
                  <c:v>42009</c:v>
                </c:pt>
                <c:pt idx="260">
                  <c:v>42010</c:v>
                </c:pt>
                <c:pt idx="261">
                  <c:v>42011</c:v>
                </c:pt>
                <c:pt idx="262">
                  <c:v>42012</c:v>
                </c:pt>
                <c:pt idx="263">
                  <c:v>42013</c:v>
                </c:pt>
                <c:pt idx="264">
                  <c:v>42016</c:v>
                </c:pt>
                <c:pt idx="265">
                  <c:v>42017</c:v>
                </c:pt>
                <c:pt idx="266">
                  <c:v>42018</c:v>
                </c:pt>
                <c:pt idx="267">
                  <c:v>42019</c:v>
                </c:pt>
                <c:pt idx="268">
                  <c:v>42020</c:v>
                </c:pt>
                <c:pt idx="269">
                  <c:v>42023</c:v>
                </c:pt>
                <c:pt idx="270">
                  <c:v>42024</c:v>
                </c:pt>
                <c:pt idx="271">
                  <c:v>42025</c:v>
                </c:pt>
                <c:pt idx="272">
                  <c:v>42026</c:v>
                </c:pt>
                <c:pt idx="273">
                  <c:v>42027</c:v>
                </c:pt>
                <c:pt idx="274">
                  <c:v>42030</c:v>
                </c:pt>
                <c:pt idx="275">
                  <c:v>42031</c:v>
                </c:pt>
                <c:pt idx="276">
                  <c:v>42032</c:v>
                </c:pt>
                <c:pt idx="277">
                  <c:v>42033</c:v>
                </c:pt>
                <c:pt idx="278">
                  <c:v>42034</c:v>
                </c:pt>
                <c:pt idx="279">
                  <c:v>42037</c:v>
                </c:pt>
                <c:pt idx="280">
                  <c:v>42038</c:v>
                </c:pt>
                <c:pt idx="281">
                  <c:v>42039</c:v>
                </c:pt>
                <c:pt idx="282">
                  <c:v>42040</c:v>
                </c:pt>
                <c:pt idx="283">
                  <c:v>42041</c:v>
                </c:pt>
                <c:pt idx="284">
                  <c:v>42044</c:v>
                </c:pt>
                <c:pt idx="285">
                  <c:v>42045</c:v>
                </c:pt>
                <c:pt idx="286">
                  <c:v>42046</c:v>
                </c:pt>
                <c:pt idx="287">
                  <c:v>42047</c:v>
                </c:pt>
                <c:pt idx="288">
                  <c:v>42048</c:v>
                </c:pt>
                <c:pt idx="289">
                  <c:v>42051</c:v>
                </c:pt>
                <c:pt idx="290">
                  <c:v>42052</c:v>
                </c:pt>
                <c:pt idx="291">
                  <c:v>42053</c:v>
                </c:pt>
                <c:pt idx="292">
                  <c:v>42054</c:v>
                </c:pt>
                <c:pt idx="293">
                  <c:v>42055</c:v>
                </c:pt>
                <c:pt idx="294">
                  <c:v>42058</c:v>
                </c:pt>
                <c:pt idx="295">
                  <c:v>42059</c:v>
                </c:pt>
                <c:pt idx="296">
                  <c:v>42060</c:v>
                </c:pt>
                <c:pt idx="297">
                  <c:v>42061</c:v>
                </c:pt>
                <c:pt idx="298">
                  <c:v>42062</c:v>
                </c:pt>
                <c:pt idx="299">
                  <c:v>42065</c:v>
                </c:pt>
                <c:pt idx="300">
                  <c:v>42066</c:v>
                </c:pt>
                <c:pt idx="301">
                  <c:v>42067</c:v>
                </c:pt>
                <c:pt idx="302">
                  <c:v>42068</c:v>
                </c:pt>
                <c:pt idx="303">
                  <c:v>42069</c:v>
                </c:pt>
                <c:pt idx="304">
                  <c:v>42072</c:v>
                </c:pt>
                <c:pt idx="305">
                  <c:v>42073</c:v>
                </c:pt>
                <c:pt idx="306">
                  <c:v>42074</c:v>
                </c:pt>
                <c:pt idx="307">
                  <c:v>42075</c:v>
                </c:pt>
                <c:pt idx="308">
                  <c:v>42076</c:v>
                </c:pt>
                <c:pt idx="309">
                  <c:v>42079</c:v>
                </c:pt>
                <c:pt idx="310">
                  <c:v>42080</c:v>
                </c:pt>
                <c:pt idx="311">
                  <c:v>42081</c:v>
                </c:pt>
                <c:pt idx="312">
                  <c:v>42082</c:v>
                </c:pt>
                <c:pt idx="313">
                  <c:v>42083</c:v>
                </c:pt>
                <c:pt idx="314">
                  <c:v>42086</c:v>
                </c:pt>
                <c:pt idx="315">
                  <c:v>42087</c:v>
                </c:pt>
                <c:pt idx="316">
                  <c:v>42088</c:v>
                </c:pt>
                <c:pt idx="317">
                  <c:v>42089</c:v>
                </c:pt>
                <c:pt idx="318">
                  <c:v>42090</c:v>
                </c:pt>
                <c:pt idx="319">
                  <c:v>42093</c:v>
                </c:pt>
                <c:pt idx="320">
                  <c:v>42094</c:v>
                </c:pt>
                <c:pt idx="321">
                  <c:v>42095</c:v>
                </c:pt>
                <c:pt idx="322">
                  <c:v>42096</c:v>
                </c:pt>
                <c:pt idx="323">
                  <c:v>42097</c:v>
                </c:pt>
                <c:pt idx="324">
                  <c:v>42100</c:v>
                </c:pt>
                <c:pt idx="325">
                  <c:v>42101</c:v>
                </c:pt>
                <c:pt idx="326">
                  <c:v>42102</c:v>
                </c:pt>
                <c:pt idx="327">
                  <c:v>42103</c:v>
                </c:pt>
                <c:pt idx="328">
                  <c:v>42104</c:v>
                </c:pt>
                <c:pt idx="329">
                  <c:v>42107</c:v>
                </c:pt>
                <c:pt idx="330">
                  <c:v>42108</c:v>
                </c:pt>
                <c:pt idx="331">
                  <c:v>42109</c:v>
                </c:pt>
                <c:pt idx="332">
                  <c:v>42110</c:v>
                </c:pt>
                <c:pt idx="333">
                  <c:v>42111</c:v>
                </c:pt>
                <c:pt idx="334">
                  <c:v>42114</c:v>
                </c:pt>
                <c:pt idx="335">
                  <c:v>42115</c:v>
                </c:pt>
                <c:pt idx="336">
                  <c:v>42116</c:v>
                </c:pt>
                <c:pt idx="337">
                  <c:v>42117</c:v>
                </c:pt>
                <c:pt idx="338">
                  <c:v>42118</c:v>
                </c:pt>
                <c:pt idx="339">
                  <c:v>42121</c:v>
                </c:pt>
                <c:pt idx="340">
                  <c:v>42122</c:v>
                </c:pt>
                <c:pt idx="341">
                  <c:v>42123</c:v>
                </c:pt>
                <c:pt idx="342">
                  <c:v>42124</c:v>
                </c:pt>
                <c:pt idx="343">
                  <c:v>42125</c:v>
                </c:pt>
                <c:pt idx="344">
                  <c:v>42128</c:v>
                </c:pt>
                <c:pt idx="345">
                  <c:v>42129</c:v>
                </c:pt>
                <c:pt idx="346">
                  <c:v>42130</c:v>
                </c:pt>
                <c:pt idx="347">
                  <c:v>42131</c:v>
                </c:pt>
                <c:pt idx="348">
                  <c:v>42132</c:v>
                </c:pt>
                <c:pt idx="349">
                  <c:v>42135</c:v>
                </c:pt>
                <c:pt idx="350">
                  <c:v>42136</c:v>
                </c:pt>
                <c:pt idx="351">
                  <c:v>42137</c:v>
                </c:pt>
                <c:pt idx="352">
                  <c:v>42138</c:v>
                </c:pt>
                <c:pt idx="353">
                  <c:v>42139</c:v>
                </c:pt>
                <c:pt idx="354">
                  <c:v>42142</c:v>
                </c:pt>
                <c:pt idx="355">
                  <c:v>42143</c:v>
                </c:pt>
                <c:pt idx="356">
                  <c:v>42144</c:v>
                </c:pt>
                <c:pt idx="357">
                  <c:v>42145</c:v>
                </c:pt>
                <c:pt idx="358">
                  <c:v>42146</c:v>
                </c:pt>
                <c:pt idx="359">
                  <c:v>42149</c:v>
                </c:pt>
                <c:pt idx="360">
                  <c:v>42150</c:v>
                </c:pt>
                <c:pt idx="361">
                  <c:v>42151</c:v>
                </c:pt>
                <c:pt idx="362">
                  <c:v>42152</c:v>
                </c:pt>
                <c:pt idx="363">
                  <c:v>42153</c:v>
                </c:pt>
                <c:pt idx="364">
                  <c:v>42156</c:v>
                </c:pt>
                <c:pt idx="365">
                  <c:v>42157</c:v>
                </c:pt>
                <c:pt idx="366">
                  <c:v>42158</c:v>
                </c:pt>
                <c:pt idx="367">
                  <c:v>42159</c:v>
                </c:pt>
                <c:pt idx="368">
                  <c:v>42160</c:v>
                </c:pt>
                <c:pt idx="369">
                  <c:v>42163</c:v>
                </c:pt>
                <c:pt idx="370">
                  <c:v>42164</c:v>
                </c:pt>
                <c:pt idx="371">
                  <c:v>42165</c:v>
                </c:pt>
                <c:pt idx="372">
                  <c:v>42166</c:v>
                </c:pt>
                <c:pt idx="373">
                  <c:v>42167</c:v>
                </c:pt>
                <c:pt idx="374">
                  <c:v>42170</c:v>
                </c:pt>
                <c:pt idx="375">
                  <c:v>42171</c:v>
                </c:pt>
                <c:pt idx="376">
                  <c:v>42172</c:v>
                </c:pt>
                <c:pt idx="377">
                  <c:v>42173</c:v>
                </c:pt>
                <c:pt idx="378">
                  <c:v>42174</c:v>
                </c:pt>
                <c:pt idx="379">
                  <c:v>42177</c:v>
                </c:pt>
                <c:pt idx="380">
                  <c:v>42178</c:v>
                </c:pt>
                <c:pt idx="381">
                  <c:v>42179</c:v>
                </c:pt>
                <c:pt idx="382">
                  <c:v>42180</c:v>
                </c:pt>
                <c:pt idx="383">
                  <c:v>42181</c:v>
                </c:pt>
                <c:pt idx="384">
                  <c:v>42184</c:v>
                </c:pt>
                <c:pt idx="385">
                  <c:v>42185</c:v>
                </c:pt>
                <c:pt idx="386">
                  <c:v>42186</c:v>
                </c:pt>
                <c:pt idx="387">
                  <c:v>42187</c:v>
                </c:pt>
                <c:pt idx="388">
                  <c:v>42188</c:v>
                </c:pt>
                <c:pt idx="389">
                  <c:v>42191</c:v>
                </c:pt>
                <c:pt idx="390">
                  <c:v>42192</c:v>
                </c:pt>
                <c:pt idx="391">
                  <c:v>42193</c:v>
                </c:pt>
                <c:pt idx="392">
                  <c:v>42194</c:v>
                </c:pt>
                <c:pt idx="393">
                  <c:v>42195</c:v>
                </c:pt>
                <c:pt idx="394">
                  <c:v>42198</c:v>
                </c:pt>
                <c:pt idx="395">
                  <c:v>42199</c:v>
                </c:pt>
                <c:pt idx="396">
                  <c:v>42200</c:v>
                </c:pt>
                <c:pt idx="397">
                  <c:v>42201</c:v>
                </c:pt>
                <c:pt idx="398">
                  <c:v>42202</c:v>
                </c:pt>
                <c:pt idx="399">
                  <c:v>42205</c:v>
                </c:pt>
                <c:pt idx="400">
                  <c:v>42206</c:v>
                </c:pt>
                <c:pt idx="401">
                  <c:v>42207</c:v>
                </c:pt>
                <c:pt idx="402">
                  <c:v>42208</c:v>
                </c:pt>
                <c:pt idx="403">
                  <c:v>42209</c:v>
                </c:pt>
                <c:pt idx="404">
                  <c:v>42212</c:v>
                </c:pt>
                <c:pt idx="405">
                  <c:v>42213</c:v>
                </c:pt>
                <c:pt idx="406">
                  <c:v>42214</c:v>
                </c:pt>
                <c:pt idx="407">
                  <c:v>42215</c:v>
                </c:pt>
                <c:pt idx="408">
                  <c:v>42216</c:v>
                </c:pt>
                <c:pt idx="409">
                  <c:v>42219</c:v>
                </c:pt>
                <c:pt idx="410">
                  <c:v>42220</c:v>
                </c:pt>
                <c:pt idx="411">
                  <c:v>42221</c:v>
                </c:pt>
                <c:pt idx="412">
                  <c:v>42222</c:v>
                </c:pt>
                <c:pt idx="413">
                  <c:v>42223</c:v>
                </c:pt>
                <c:pt idx="414">
                  <c:v>42226</c:v>
                </c:pt>
                <c:pt idx="415">
                  <c:v>42227</c:v>
                </c:pt>
                <c:pt idx="416">
                  <c:v>42228</c:v>
                </c:pt>
                <c:pt idx="417">
                  <c:v>42229</c:v>
                </c:pt>
                <c:pt idx="418">
                  <c:v>42230</c:v>
                </c:pt>
                <c:pt idx="419">
                  <c:v>42233</c:v>
                </c:pt>
                <c:pt idx="420">
                  <c:v>42234</c:v>
                </c:pt>
                <c:pt idx="421">
                  <c:v>42235</c:v>
                </c:pt>
                <c:pt idx="422">
                  <c:v>42236</c:v>
                </c:pt>
                <c:pt idx="423">
                  <c:v>42237</c:v>
                </c:pt>
                <c:pt idx="424">
                  <c:v>42240</c:v>
                </c:pt>
                <c:pt idx="425">
                  <c:v>42241</c:v>
                </c:pt>
                <c:pt idx="426">
                  <c:v>42242</c:v>
                </c:pt>
                <c:pt idx="427">
                  <c:v>42243</c:v>
                </c:pt>
                <c:pt idx="428">
                  <c:v>42244</c:v>
                </c:pt>
                <c:pt idx="429">
                  <c:v>42247</c:v>
                </c:pt>
                <c:pt idx="430">
                  <c:v>42248</c:v>
                </c:pt>
                <c:pt idx="431">
                  <c:v>42249</c:v>
                </c:pt>
                <c:pt idx="432">
                  <c:v>42250</c:v>
                </c:pt>
                <c:pt idx="433">
                  <c:v>42251</c:v>
                </c:pt>
                <c:pt idx="434">
                  <c:v>42254</c:v>
                </c:pt>
                <c:pt idx="435">
                  <c:v>42255</c:v>
                </c:pt>
                <c:pt idx="436">
                  <c:v>42256</c:v>
                </c:pt>
                <c:pt idx="437">
                  <c:v>42257</c:v>
                </c:pt>
                <c:pt idx="438">
                  <c:v>42258</c:v>
                </c:pt>
                <c:pt idx="439">
                  <c:v>42261</c:v>
                </c:pt>
                <c:pt idx="440">
                  <c:v>42262</c:v>
                </c:pt>
                <c:pt idx="441">
                  <c:v>42263</c:v>
                </c:pt>
                <c:pt idx="442">
                  <c:v>42264</c:v>
                </c:pt>
                <c:pt idx="443">
                  <c:v>42265</c:v>
                </c:pt>
                <c:pt idx="444">
                  <c:v>42268</c:v>
                </c:pt>
                <c:pt idx="445">
                  <c:v>42269</c:v>
                </c:pt>
                <c:pt idx="446">
                  <c:v>42270</c:v>
                </c:pt>
                <c:pt idx="447">
                  <c:v>42271</c:v>
                </c:pt>
                <c:pt idx="448">
                  <c:v>42272</c:v>
                </c:pt>
                <c:pt idx="449">
                  <c:v>42275</c:v>
                </c:pt>
                <c:pt idx="450">
                  <c:v>42276</c:v>
                </c:pt>
                <c:pt idx="451">
                  <c:v>42277</c:v>
                </c:pt>
                <c:pt idx="452">
                  <c:v>42278</c:v>
                </c:pt>
                <c:pt idx="453">
                  <c:v>42279</c:v>
                </c:pt>
                <c:pt idx="454">
                  <c:v>42282</c:v>
                </c:pt>
                <c:pt idx="455">
                  <c:v>42283</c:v>
                </c:pt>
                <c:pt idx="456">
                  <c:v>42284</c:v>
                </c:pt>
                <c:pt idx="457">
                  <c:v>42285</c:v>
                </c:pt>
                <c:pt idx="458">
                  <c:v>42286</c:v>
                </c:pt>
                <c:pt idx="459">
                  <c:v>42289</c:v>
                </c:pt>
                <c:pt idx="460">
                  <c:v>42290</c:v>
                </c:pt>
                <c:pt idx="461">
                  <c:v>42291</c:v>
                </c:pt>
                <c:pt idx="462">
                  <c:v>42292</c:v>
                </c:pt>
                <c:pt idx="463">
                  <c:v>42293</c:v>
                </c:pt>
                <c:pt idx="464">
                  <c:v>42296</c:v>
                </c:pt>
                <c:pt idx="465">
                  <c:v>42297</c:v>
                </c:pt>
                <c:pt idx="466">
                  <c:v>42298</c:v>
                </c:pt>
                <c:pt idx="467">
                  <c:v>42299</c:v>
                </c:pt>
                <c:pt idx="468">
                  <c:v>42300</c:v>
                </c:pt>
                <c:pt idx="469">
                  <c:v>42303</c:v>
                </c:pt>
                <c:pt idx="470">
                  <c:v>42304</c:v>
                </c:pt>
                <c:pt idx="471">
                  <c:v>42305</c:v>
                </c:pt>
                <c:pt idx="472">
                  <c:v>42306</c:v>
                </c:pt>
                <c:pt idx="473">
                  <c:v>42307</c:v>
                </c:pt>
                <c:pt idx="474">
                  <c:v>42310</c:v>
                </c:pt>
                <c:pt idx="475">
                  <c:v>42311</c:v>
                </c:pt>
                <c:pt idx="476">
                  <c:v>42312</c:v>
                </c:pt>
                <c:pt idx="477">
                  <c:v>42313</c:v>
                </c:pt>
                <c:pt idx="478">
                  <c:v>42314</c:v>
                </c:pt>
                <c:pt idx="479">
                  <c:v>42317</c:v>
                </c:pt>
                <c:pt idx="480">
                  <c:v>42318</c:v>
                </c:pt>
                <c:pt idx="481">
                  <c:v>42319</c:v>
                </c:pt>
                <c:pt idx="482">
                  <c:v>42320</c:v>
                </c:pt>
                <c:pt idx="483">
                  <c:v>42321</c:v>
                </c:pt>
                <c:pt idx="484">
                  <c:v>42324</c:v>
                </c:pt>
                <c:pt idx="485">
                  <c:v>42325</c:v>
                </c:pt>
                <c:pt idx="486">
                  <c:v>42326</c:v>
                </c:pt>
                <c:pt idx="487">
                  <c:v>42327</c:v>
                </c:pt>
                <c:pt idx="488">
                  <c:v>42328</c:v>
                </c:pt>
                <c:pt idx="489">
                  <c:v>42331</c:v>
                </c:pt>
                <c:pt idx="490">
                  <c:v>42332</c:v>
                </c:pt>
                <c:pt idx="491">
                  <c:v>42333</c:v>
                </c:pt>
                <c:pt idx="492">
                  <c:v>42334</c:v>
                </c:pt>
                <c:pt idx="493">
                  <c:v>42335</c:v>
                </c:pt>
                <c:pt idx="494">
                  <c:v>42338</c:v>
                </c:pt>
                <c:pt idx="495">
                  <c:v>42339</c:v>
                </c:pt>
                <c:pt idx="496">
                  <c:v>42340</c:v>
                </c:pt>
                <c:pt idx="497">
                  <c:v>42341</c:v>
                </c:pt>
                <c:pt idx="498">
                  <c:v>42342</c:v>
                </c:pt>
                <c:pt idx="499">
                  <c:v>42345</c:v>
                </c:pt>
                <c:pt idx="500">
                  <c:v>42346</c:v>
                </c:pt>
                <c:pt idx="501">
                  <c:v>42347</c:v>
                </c:pt>
                <c:pt idx="502">
                  <c:v>42348</c:v>
                </c:pt>
                <c:pt idx="503">
                  <c:v>42349</c:v>
                </c:pt>
                <c:pt idx="504">
                  <c:v>42352</c:v>
                </c:pt>
                <c:pt idx="505">
                  <c:v>42353</c:v>
                </c:pt>
                <c:pt idx="506">
                  <c:v>42354</c:v>
                </c:pt>
                <c:pt idx="507">
                  <c:v>42355</c:v>
                </c:pt>
                <c:pt idx="508">
                  <c:v>42356</c:v>
                </c:pt>
                <c:pt idx="509">
                  <c:v>42359</c:v>
                </c:pt>
                <c:pt idx="510">
                  <c:v>42360</c:v>
                </c:pt>
                <c:pt idx="511">
                  <c:v>42361</c:v>
                </c:pt>
                <c:pt idx="512">
                  <c:v>42362</c:v>
                </c:pt>
                <c:pt idx="513">
                  <c:v>42363</c:v>
                </c:pt>
                <c:pt idx="514">
                  <c:v>42366</c:v>
                </c:pt>
                <c:pt idx="515">
                  <c:v>42367</c:v>
                </c:pt>
                <c:pt idx="516">
                  <c:v>42368</c:v>
                </c:pt>
                <c:pt idx="517">
                  <c:v>42369</c:v>
                </c:pt>
                <c:pt idx="518">
                  <c:v>42370</c:v>
                </c:pt>
                <c:pt idx="519">
                  <c:v>42373</c:v>
                </c:pt>
                <c:pt idx="520">
                  <c:v>42374</c:v>
                </c:pt>
                <c:pt idx="521">
                  <c:v>42375</c:v>
                </c:pt>
                <c:pt idx="522">
                  <c:v>42376</c:v>
                </c:pt>
                <c:pt idx="523">
                  <c:v>42377</c:v>
                </c:pt>
                <c:pt idx="524">
                  <c:v>42380</c:v>
                </c:pt>
                <c:pt idx="525">
                  <c:v>42381</c:v>
                </c:pt>
                <c:pt idx="526">
                  <c:v>42382</c:v>
                </c:pt>
                <c:pt idx="527">
                  <c:v>42383</c:v>
                </c:pt>
                <c:pt idx="528">
                  <c:v>42384</c:v>
                </c:pt>
                <c:pt idx="529">
                  <c:v>42387</c:v>
                </c:pt>
                <c:pt idx="530">
                  <c:v>42388</c:v>
                </c:pt>
                <c:pt idx="531">
                  <c:v>42389</c:v>
                </c:pt>
                <c:pt idx="532">
                  <c:v>42390</c:v>
                </c:pt>
                <c:pt idx="533">
                  <c:v>42391</c:v>
                </c:pt>
                <c:pt idx="534">
                  <c:v>42394</c:v>
                </c:pt>
                <c:pt idx="535">
                  <c:v>42395</c:v>
                </c:pt>
                <c:pt idx="536">
                  <c:v>42396</c:v>
                </c:pt>
                <c:pt idx="537">
                  <c:v>42397</c:v>
                </c:pt>
                <c:pt idx="538">
                  <c:v>42398</c:v>
                </c:pt>
                <c:pt idx="539">
                  <c:v>42401</c:v>
                </c:pt>
                <c:pt idx="540">
                  <c:v>42402</c:v>
                </c:pt>
                <c:pt idx="541">
                  <c:v>42403</c:v>
                </c:pt>
                <c:pt idx="542">
                  <c:v>42404</c:v>
                </c:pt>
                <c:pt idx="543">
                  <c:v>42405</c:v>
                </c:pt>
                <c:pt idx="544">
                  <c:v>42408</c:v>
                </c:pt>
                <c:pt idx="545">
                  <c:v>42409</c:v>
                </c:pt>
                <c:pt idx="546">
                  <c:v>42410</c:v>
                </c:pt>
                <c:pt idx="547">
                  <c:v>42411</c:v>
                </c:pt>
                <c:pt idx="548">
                  <c:v>42412</c:v>
                </c:pt>
                <c:pt idx="549">
                  <c:v>42415</c:v>
                </c:pt>
                <c:pt idx="550">
                  <c:v>42416</c:v>
                </c:pt>
                <c:pt idx="551">
                  <c:v>42417</c:v>
                </c:pt>
                <c:pt idx="552">
                  <c:v>42418</c:v>
                </c:pt>
                <c:pt idx="553">
                  <c:v>42419</c:v>
                </c:pt>
                <c:pt idx="554">
                  <c:v>42422</c:v>
                </c:pt>
                <c:pt idx="555">
                  <c:v>42423</c:v>
                </c:pt>
                <c:pt idx="556">
                  <c:v>42424</c:v>
                </c:pt>
                <c:pt idx="557">
                  <c:v>42425</c:v>
                </c:pt>
                <c:pt idx="558">
                  <c:v>42426</c:v>
                </c:pt>
                <c:pt idx="559">
                  <c:v>42429</c:v>
                </c:pt>
                <c:pt idx="560">
                  <c:v>42430</c:v>
                </c:pt>
                <c:pt idx="561">
                  <c:v>42431</c:v>
                </c:pt>
                <c:pt idx="562">
                  <c:v>42432</c:v>
                </c:pt>
                <c:pt idx="563">
                  <c:v>42433</c:v>
                </c:pt>
                <c:pt idx="564">
                  <c:v>42436</c:v>
                </c:pt>
                <c:pt idx="565">
                  <c:v>42437</c:v>
                </c:pt>
                <c:pt idx="566">
                  <c:v>42438</c:v>
                </c:pt>
                <c:pt idx="567">
                  <c:v>42439</c:v>
                </c:pt>
                <c:pt idx="568">
                  <c:v>42440</c:v>
                </c:pt>
                <c:pt idx="569">
                  <c:v>42443</c:v>
                </c:pt>
                <c:pt idx="570">
                  <c:v>42444</c:v>
                </c:pt>
                <c:pt idx="571">
                  <c:v>42445</c:v>
                </c:pt>
                <c:pt idx="572">
                  <c:v>42446</c:v>
                </c:pt>
                <c:pt idx="573">
                  <c:v>42447</c:v>
                </c:pt>
                <c:pt idx="574">
                  <c:v>42450</c:v>
                </c:pt>
                <c:pt idx="575">
                  <c:v>42451</c:v>
                </c:pt>
                <c:pt idx="576">
                  <c:v>42452</c:v>
                </c:pt>
                <c:pt idx="577">
                  <c:v>42453</c:v>
                </c:pt>
                <c:pt idx="578">
                  <c:v>42454</c:v>
                </c:pt>
                <c:pt idx="579">
                  <c:v>42457</c:v>
                </c:pt>
                <c:pt idx="580">
                  <c:v>42458</c:v>
                </c:pt>
                <c:pt idx="581">
                  <c:v>42459</c:v>
                </c:pt>
                <c:pt idx="582">
                  <c:v>42460</c:v>
                </c:pt>
                <c:pt idx="583">
                  <c:v>42461</c:v>
                </c:pt>
                <c:pt idx="584">
                  <c:v>42464</c:v>
                </c:pt>
                <c:pt idx="585">
                  <c:v>42465</c:v>
                </c:pt>
                <c:pt idx="586">
                  <c:v>42466</c:v>
                </c:pt>
                <c:pt idx="587">
                  <c:v>42467</c:v>
                </c:pt>
                <c:pt idx="588">
                  <c:v>42468</c:v>
                </c:pt>
                <c:pt idx="589">
                  <c:v>42471</c:v>
                </c:pt>
                <c:pt idx="590">
                  <c:v>42472</c:v>
                </c:pt>
                <c:pt idx="591">
                  <c:v>42473</c:v>
                </c:pt>
                <c:pt idx="592">
                  <c:v>42474</c:v>
                </c:pt>
                <c:pt idx="593">
                  <c:v>42475</c:v>
                </c:pt>
                <c:pt idx="594">
                  <c:v>42478</c:v>
                </c:pt>
                <c:pt idx="595">
                  <c:v>42479</c:v>
                </c:pt>
                <c:pt idx="596">
                  <c:v>42480</c:v>
                </c:pt>
                <c:pt idx="597">
                  <c:v>42481</c:v>
                </c:pt>
                <c:pt idx="598">
                  <c:v>42482</c:v>
                </c:pt>
                <c:pt idx="599">
                  <c:v>42485</c:v>
                </c:pt>
                <c:pt idx="600">
                  <c:v>42486</c:v>
                </c:pt>
                <c:pt idx="601">
                  <c:v>42487</c:v>
                </c:pt>
                <c:pt idx="602">
                  <c:v>42488</c:v>
                </c:pt>
                <c:pt idx="603">
                  <c:v>42489</c:v>
                </c:pt>
                <c:pt idx="604">
                  <c:v>42492</c:v>
                </c:pt>
                <c:pt idx="605">
                  <c:v>42493</c:v>
                </c:pt>
                <c:pt idx="606">
                  <c:v>42494</c:v>
                </c:pt>
                <c:pt idx="607">
                  <c:v>42495</c:v>
                </c:pt>
                <c:pt idx="608">
                  <c:v>42496</c:v>
                </c:pt>
                <c:pt idx="609">
                  <c:v>42499</c:v>
                </c:pt>
                <c:pt idx="610">
                  <c:v>42500</c:v>
                </c:pt>
                <c:pt idx="611">
                  <c:v>42501</c:v>
                </c:pt>
                <c:pt idx="612">
                  <c:v>42502</c:v>
                </c:pt>
                <c:pt idx="613">
                  <c:v>42503</c:v>
                </c:pt>
                <c:pt idx="614">
                  <c:v>42506</c:v>
                </c:pt>
                <c:pt idx="615">
                  <c:v>42507</c:v>
                </c:pt>
                <c:pt idx="616">
                  <c:v>42508</c:v>
                </c:pt>
                <c:pt idx="617">
                  <c:v>42509</c:v>
                </c:pt>
                <c:pt idx="618">
                  <c:v>42510</c:v>
                </c:pt>
                <c:pt idx="619">
                  <c:v>42513</c:v>
                </c:pt>
                <c:pt idx="620">
                  <c:v>42514</c:v>
                </c:pt>
                <c:pt idx="621">
                  <c:v>42515</c:v>
                </c:pt>
                <c:pt idx="622">
                  <c:v>42516</c:v>
                </c:pt>
                <c:pt idx="623">
                  <c:v>42517</c:v>
                </c:pt>
                <c:pt idx="624">
                  <c:v>42520</c:v>
                </c:pt>
                <c:pt idx="625">
                  <c:v>42521</c:v>
                </c:pt>
                <c:pt idx="626">
                  <c:v>42522</c:v>
                </c:pt>
                <c:pt idx="627">
                  <c:v>42523</c:v>
                </c:pt>
                <c:pt idx="628">
                  <c:v>42524</c:v>
                </c:pt>
                <c:pt idx="629">
                  <c:v>42527</c:v>
                </c:pt>
                <c:pt idx="630">
                  <c:v>42528</c:v>
                </c:pt>
                <c:pt idx="631">
                  <c:v>42529</c:v>
                </c:pt>
                <c:pt idx="632">
                  <c:v>42530</c:v>
                </c:pt>
                <c:pt idx="633">
                  <c:v>42531</c:v>
                </c:pt>
                <c:pt idx="634">
                  <c:v>42534</c:v>
                </c:pt>
                <c:pt idx="635">
                  <c:v>42535</c:v>
                </c:pt>
                <c:pt idx="636">
                  <c:v>42536</c:v>
                </c:pt>
                <c:pt idx="637">
                  <c:v>42537</c:v>
                </c:pt>
                <c:pt idx="638">
                  <c:v>42538</c:v>
                </c:pt>
                <c:pt idx="639">
                  <c:v>42541</c:v>
                </c:pt>
                <c:pt idx="640">
                  <c:v>42542</c:v>
                </c:pt>
                <c:pt idx="641">
                  <c:v>42543</c:v>
                </c:pt>
                <c:pt idx="642">
                  <c:v>42544</c:v>
                </c:pt>
                <c:pt idx="643">
                  <c:v>42545</c:v>
                </c:pt>
                <c:pt idx="644">
                  <c:v>42548</c:v>
                </c:pt>
                <c:pt idx="645">
                  <c:v>42549</c:v>
                </c:pt>
                <c:pt idx="646">
                  <c:v>42550</c:v>
                </c:pt>
                <c:pt idx="647">
                  <c:v>42551</c:v>
                </c:pt>
                <c:pt idx="648">
                  <c:v>42552</c:v>
                </c:pt>
                <c:pt idx="649">
                  <c:v>42555</c:v>
                </c:pt>
                <c:pt idx="650">
                  <c:v>42556</c:v>
                </c:pt>
                <c:pt idx="651">
                  <c:v>42557</c:v>
                </c:pt>
                <c:pt idx="652">
                  <c:v>42558</c:v>
                </c:pt>
                <c:pt idx="653">
                  <c:v>42559</c:v>
                </c:pt>
                <c:pt idx="654">
                  <c:v>42562</c:v>
                </c:pt>
                <c:pt idx="655">
                  <c:v>42563</c:v>
                </c:pt>
                <c:pt idx="656">
                  <c:v>42564</c:v>
                </c:pt>
                <c:pt idx="657">
                  <c:v>42565</c:v>
                </c:pt>
                <c:pt idx="658">
                  <c:v>42566</c:v>
                </c:pt>
                <c:pt idx="659">
                  <c:v>42569</c:v>
                </c:pt>
                <c:pt idx="660">
                  <c:v>42570</c:v>
                </c:pt>
                <c:pt idx="661">
                  <c:v>42571</c:v>
                </c:pt>
                <c:pt idx="662">
                  <c:v>42572</c:v>
                </c:pt>
                <c:pt idx="663">
                  <c:v>42573</c:v>
                </c:pt>
                <c:pt idx="664">
                  <c:v>42576</c:v>
                </c:pt>
                <c:pt idx="665">
                  <c:v>42577</c:v>
                </c:pt>
                <c:pt idx="666">
                  <c:v>42578</c:v>
                </c:pt>
                <c:pt idx="667">
                  <c:v>42579</c:v>
                </c:pt>
                <c:pt idx="668">
                  <c:v>42580</c:v>
                </c:pt>
                <c:pt idx="669">
                  <c:v>42583</c:v>
                </c:pt>
                <c:pt idx="670">
                  <c:v>42584</c:v>
                </c:pt>
                <c:pt idx="671">
                  <c:v>42585</c:v>
                </c:pt>
                <c:pt idx="672">
                  <c:v>42586</c:v>
                </c:pt>
                <c:pt idx="673">
                  <c:v>42587</c:v>
                </c:pt>
                <c:pt idx="674">
                  <c:v>42590</c:v>
                </c:pt>
                <c:pt idx="675">
                  <c:v>42591</c:v>
                </c:pt>
                <c:pt idx="676">
                  <c:v>42592</c:v>
                </c:pt>
                <c:pt idx="677">
                  <c:v>42593</c:v>
                </c:pt>
                <c:pt idx="678">
                  <c:v>42594</c:v>
                </c:pt>
                <c:pt idx="679">
                  <c:v>42597</c:v>
                </c:pt>
                <c:pt idx="680">
                  <c:v>42598</c:v>
                </c:pt>
                <c:pt idx="681">
                  <c:v>42599</c:v>
                </c:pt>
                <c:pt idx="682">
                  <c:v>42600</c:v>
                </c:pt>
                <c:pt idx="683">
                  <c:v>42601</c:v>
                </c:pt>
                <c:pt idx="684">
                  <c:v>42604</c:v>
                </c:pt>
                <c:pt idx="685">
                  <c:v>42605</c:v>
                </c:pt>
                <c:pt idx="686">
                  <c:v>42606</c:v>
                </c:pt>
                <c:pt idx="687">
                  <c:v>42607</c:v>
                </c:pt>
                <c:pt idx="688">
                  <c:v>42608</c:v>
                </c:pt>
                <c:pt idx="689">
                  <c:v>42611</c:v>
                </c:pt>
                <c:pt idx="690">
                  <c:v>42612</c:v>
                </c:pt>
                <c:pt idx="691">
                  <c:v>42613</c:v>
                </c:pt>
                <c:pt idx="692">
                  <c:v>42614</c:v>
                </c:pt>
                <c:pt idx="693">
                  <c:v>42615</c:v>
                </c:pt>
                <c:pt idx="694">
                  <c:v>42618</c:v>
                </c:pt>
                <c:pt idx="695">
                  <c:v>42619</c:v>
                </c:pt>
                <c:pt idx="696">
                  <c:v>42620</c:v>
                </c:pt>
                <c:pt idx="697">
                  <c:v>42621</c:v>
                </c:pt>
                <c:pt idx="698">
                  <c:v>42622</c:v>
                </c:pt>
                <c:pt idx="699">
                  <c:v>42625</c:v>
                </c:pt>
                <c:pt idx="700">
                  <c:v>42626</c:v>
                </c:pt>
                <c:pt idx="701">
                  <c:v>42627</c:v>
                </c:pt>
                <c:pt idx="702">
                  <c:v>42628</c:v>
                </c:pt>
                <c:pt idx="703">
                  <c:v>42629</c:v>
                </c:pt>
                <c:pt idx="704">
                  <c:v>42632</c:v>
                </c:pt>
                <c:pt idx="705">
                  <c:v>42633</c:v>
                </c:pt>
                <c:pt idx="706">
                  <c:v>42634</c:v>
                </c:pt>
                <c:pt idx="707">
                  <c:v>42635</c:v>
                </c:pt>
                <c:pt idx="708">
                  <c:v>42636</c:v>
                </c:pt>
                <c:pt idx="709">
                  <c:v>42639</c:v>
                </c:pt>
                <c:pt idx="710">
                  <c:v>42640</c:v>
                </c:pt>
                <c:pt idx="711">
                  <c:v>42641</c:v>
                </c:pt>
                <c:pt idx="712">
                  <c:v>42642</c:v>
                </c:pt>
                <c:pt idx="713">
                  <c:v>42643</c:v>
                </c:pt>
                <c:pt idx="714">
                  <c:v>42646</c:v>
                </c:pt>
                <c:pt idx="715">
                  <c:v>42647</c:v>
                </c:pt>
                <c:pt idx="716">
                  <c:v>42648</c:v>
                </c:pt>
                <c:pt idx="717">
                  <c:v>42649</c:v>
                </c:pt>
                <c:pt idx="718">
                  <c:v>42650</c:v>
                </c:pt>
                <c:pt idx="719">
                  <c:v>42653</c:v>
                </c:pt>
                <c:pt idx="720">
                  <c:v>42654</c:v>
                </c:pt>
                <c:pt idx="721">
                  <c:v>42655</c:v>
                </c:pt>
                <c:pt idx="722">
                  <c:v>42656</c:v>
                </c:pt>
                <c:pt idx="723">
                  <c:v>42657</c:v>
                </c:pt>
                <c:pt idx="724">
                  <c:v>42660</c:v>
                </c:pt>
                <c:pt idx="725">
                  <c:v>42661</c:v>
                </c:pt>
                <c:pt idx="726">
                  <c:v>42662</c:v>
                </c:pt>
                <c:pt idx="727">
                  <c:v>42663</c:v>
                </c:pt>
                <c:pt idx="728">
                  <c:v>42664</c:v>
                </c:pt>
                <c:pt idx="729">
                  <c:v>42667</c:v>
                </c:pt>
                <c:pt idx="730">
                  <c:v>42668</c:v>
                </c:pt>
                <c:pt idx="731">
                  <c:v>42669</c:v>
                </c:pt>
                <c:pt idx="732">
                  <c:v>42670</c:v>
                </c:pt>
                <c:pt idx="733">
                  <c:v>42671</c:v>
                </c:pt>
                <c:pt idx="734">
                  <c:v>42674</c:v>
                </c:pt>
                <c:pt idx="735">
                  <c:v>42675</c:v>
                </c:pt>
                <c:pt idx="736">
                  <c:v>42676</c:v>
                </c:pt>
                <c:pt idx="737">
                  <c:v>42677</c:v>
                </c:pt>
                <c:pt idx="738">
                  <c:v>42678</c:v>
                </c:pt>
                <c:pt idx="739">
                  <c:v>42681</c:v>
                </c:pt>
                <c:pt idx="740">
                  <c:v>42682</c:v>
                </c:pt>
                <c:pt idx="741">
                  <c:v>42683</c:v>
                </c:pt>
                <c:pt idx="742">
                  <c:v>42684</c:v>
                </c:pt>
                <c:pt idx="743">
                  <c:v>42685</c:v>
                </c:pt>
                <c:pt idx="744">
                  <c:v>42688</c:v>
                </c:pt>
                <c:pt idx="745">
                  <c:v>42689</c:v>
                </c:pt>
                <c:pt idx="746">
                  <c:v>42690</c:v>
                </c:pt>
                <c:pt idx="747">
                  <c:v>42691</c:v>
                </c:pt>
                <c:pt idx="748">
                  <c:v>42692</c:v>
                </c:pt>
                <c:pt idx="749">
                  <c:v>42695</c:v>
                </c:pt>
                <c:pt idx="750">
                  <c:v>42696</c:v>
                </c:pt>
                <c:pt idx="751">
                  <c:v>42697</c:v>
                </c:pt>
                <c:pt idx="752">
                  <c:v>42698</c:v>
                </c:pt>
                <c:pt idx="753">
                  <c:v>42699</c:v>
                </c:pt>
                <c:pt idx="754">
                  <c:v>42702</c:v>
                </c:pt>
                <c:pt idx="755">
                  <c:v>42703</c:v>
                </c:pt>
                <c:pt idx="756">
                  <c:v>42704</c:v>
                </c:pt>
                <c:pt idx="757">
                  <c:v>42705</c:v>
                </c:pt>
                <c:pt idx="758">
                  <c:v>42706</c:v>
                </c:pt>
                <c:pt idx="759">
                  <c:v>42709</c:v>
                </c:pt>
                <c:pt idx="760">
                  <c:v>42710</c:v>
                </c:pt>
                <c:pt idx="761">
                  <c:v>42711</c:v>
                </c:pt>
                <c:pt idx="762">
                  <c:v>42712</c:v>
                </c:pt>
                <c:pt idx="763">
                  <c:v>42713</c:v>
                </c:pt>
                <c:pt idx="764">
                  <c:v>42716</c:v>
                </c:pt>
                <c:pt idx="765">
                  <c:v>42717</c:v>
                </c:pt>
                <c:pt idx="766">
                  <c:v>42718</c:v>
                </c:pt>
                <c:pt idx="767">
                  <c:v>42719</c:v>
                </c:pt>
                <c:pt idx="768">
                  <c:v>42720</c:v>
                </c:pt>
                <c:pt idx="769">
                  <c:v>42723</c:v>
                </c:pt>
                <c:pt idx="770">
                  <c:v>42724</c:v>
                </c:pt>
                <c:pt idx="771">
                  <c:v>42725</c:v>
                </c:pt>
                <c:pt idx="772">
                  <c:v>42726</c:v>
                </c:pt>
                <c:pt idx="773">
                  <c:v>42727</c:v>
                </c:pt>
                <c:pt idx="774">
                  <c:v>42730</c:v>
                </c:pt>
                <c:pt idx="775">
                  <c:v>42731</c:v>
                </c:pt>
                <c:pt idx="776">
                  <c:v>42732</c:v>
                </c:pt>
                <c:pt idx="777">
                  <c:v>42733</c:v>
                </c:pt>
                <c:pt idx="778">
                  <c:v>42734</c:v>
                </c:pt>
                <c:pt idx="779">
                  <c:v>42737</c:v>
                </c:pt>
                <c:pt idx="780">
                  <c:v>42738</c:v>
                </c:pt>
                <c:pt idx="781">
                  <c:v>42739</c:v>
                </c:pt>
                <c:pt idx="782">
                  <c:v>42740</c:v>
                </c:pt>
                <c:pt idx="783">
                  <c:v>42741</c:v>
                </c:pt>
                <c:pt idx="784">
                  <c:v>42744</c:v>
                </c:pt>
                <c:pt idx="785">
                  <c:v>42745</c:v>
                </c:pt>
                <c:pt idx="786">
                  <c:v>42746</c:v>
                </c:pt>
                <c:pt idx="787">
                  <c:v>42747</c:v>
                </c:pt>
                <c:pt idx="788">
                  <c:v>42748</c:v>
                </c:pt>
                <c:pt idx="789">
                  <c:v>42751</c:v>
                </c:pt>
                <c:pt idx="790">
                  <c:v>42752</c:v>
                </c:pt>
                <c:pt idx="791">
                  <c:v>42753</c:v>
                </c:pt>
                <c:pt idx="792">
                  <c:v>42754</c:v>
                </c:pt>
                <c:pt idx="793">
                  <c:v>42755</c:v>
                </c:pt>
                <c:pt idx="794">
                  <c:v>42758</c:v>
                </c:pt>
                <c:pt idx="795">
                  <c:v>42759</c:v>
                </c:pt>
                <c:pt idx="796">
                  <c:v>42760</c:v>
                </c:pt>
                <c:pt idx="797">
                  <c:v>42761</c:v>
                </c:pt>
                <c:pt idx="798">
                  <c:v>42762</c:v>
                </c:pt>
                <c:pt idx="799">
                  <c:v>42765</c:v>
                </c:pt>
                <c:pt idx="800">
                  <c:v>42766</c:v>
                </c:pt>
                <c:pt idx="801">
                  <c:v>42767</c:v>
                </c:pt>
                <c:pt idx="802">
                  <c:v>42768</c:v>
                </c:pt>
                <c:pt idx="803">
                  <c:v>42769</c:v>
                </c:pt>
                <c:pt idx="804">
                  <c:v>42772</c:v>
                </c:pt>
                <c:pt idx="805">
                  <c:v>42773</c:v>
                </c:pt>
                <c:pt idx="806">
                  <c:v>42774</c:v>
                </c:pt>
                <c:pt idx="807">
                  <c:v>42775</c:v>
                </c:pt>
                <c:pt idx="808">
                  <c:v>42776</c:v>
                </c:pt>
                <c:pt idx="809">
                  <c:v>42779</c:v>
                </c:pt>
                <c:pt idx="810">
                  <c:v>42780</c:v>
                </c:pt>
                <c:pt idx="811">
                  <c:v>42781</c:v>
                </c:pt>
                <c:pt idx="812">
                  <c:v>42782</c:v>
                </c:pt>
                <c:pt idx="813">
                  <c:v>42783</c:v>
                </c:pt>
                <c:pt idx="814" formatCode="mm/dd/yyyy">
                  <c:v>42786</c:v>
                </c:pt>
                <c:pt idx="815" formatCode="mm/dd/yyyy">
                  <c:v>42787</c:v>
                </c:pt>
                <c:pt idx="816" formatCode="mm/dd/yyyy">
                  <c:v>42788</c:v>
                </c:pt>
                <c:pt idx="817" formatCode="mm/dd/yyyy">
                  <c:v>42789</c:v>
                </c:pt>
                <c:pt idx="818" formatCode="mm/dd/yyyy">
                  <c:v>42790</c:v>
                </c:pt>
                <c:pt idx="819" formatCode="mm/dd/yyyy">
                  <c:v>42793</c:v>
                </c:pt>
                <c:pt idx="820" formatCode="mm/dd/yyyy">
                  <c:v>42794</c:v>
                </c:pt>
                <c:pt idx="821" formatCode="mm/dd/yyyy">
                  <c:v>42795</c:v>
                </c:pt>
                <c:pt idx="822" formatCode="mm/dd/yyyy">
                  <c:v>42796</c:v>
                </c:pt>
                <c:pt idx="823" formatCode="mm/dd/yyyy">
                  <c:v>42797</c:v>
                </c:pt>
                <c:pt idx="824" formatCode="mm/dd/yyyy">
                  <c:v>42800</c:v>
                </c:pt>
                <c:pt idx="825" formatCode="mm/dd/yyyy">
                  <c:v>42801</c:v>
                </c:pt>
                <c:pt idx="826" formatCode="mm/dd/yyyy">
                  <c:v>42802</c:v>
                </c:pt>
                <c:pt idx="827" formatCode="mm/dd/yyyy">
                  <c:v>42803</c:v>
                </c:pt>
                <c:pt idx="828" formatCode="mm/dd/yyyy">
                  <c:v>42804</c:v>
                </c:pt>
                <c:pt idx="829" formatCode="mm/dd/yyyy">
                  <c:v>42807</c:v>
                </c:pt>
                <c:pt idx="830" formatCode="mm/dd/yyyy">
                  <c:v>42808</c:v>
                </c:pt>
                <c:pt idx="831" formatCode="mm/dd/yyyy">
                  <c:v>42809</c:v>
                </c:pt>
                <c:pt idx="832" formatCode="mm/dd/yyyy">
                  <c:v>42810</c:v>
                </c:pt>
                <c:pt idx="833" formatCode="mm/dd/yyyy">
                  <c:v>42811</c:v>
                </c:pt>
                <c:pt idx="834" formatCode="mm/dd/yyyy">
                  <c:v>42814</c:v>
                </c:pt>
                <c:pt idx="835" formatCode="mm/dd/yyyy">
                  <c:v>42815</c:v>
                </c:pt>
                <c:pt idx="836" formatCode="mm/dd/yyyy">
                  <c:v>42816</c:v>
                </c:pt>
                <c:pt idx="837" formatCode="mm/dd/yyyy">
                  <c:v>42817</c:v>
                </c:pt>
                <c:pt idx="838" formatCode="mm/dd/yyyy">
                  <c:v>42818</c:v>
                </c:pt>
                <c:pt idx="839" formatCode="mm/dd/yyyy">
                  <c:v>42821</c:v>
                </c:pt>
                <c:pt idx="840" formatCode="mm/dd/yyyy">
                  <c:v>42822</c:v>
                </c:pt>
                <c:pt idx="841" formatCode="mm/dd/yyyy">
                  <c:v>42823</c:v>
                </c:pt>
                <c:pt idx="842" formatCode="mm/dd/yyyy">
                  <c:v>42824</c:v>
                </c:pt>
                <c:pt idx="843" formatCode="mm/dd/yyyy">
                  <c:v>42825</c:v>
                </c:pt>
                <c:pt idx="844" formatCode="mm/dd/yyyy">
                  <c:v>42828</c:v>
                </c:pt>
                <c:pt idx="845" formatCode="mm/dd/yyyy">
                  <c:v>42829</c:v>
                </c:pt>
                <c:pt idx="846" formatCode="mm/dd/yyyy">
                  <c:v>42830</c:v>
                </c:pt>
                <c:pt idx="847" formatCode="mm/dd/yyyy">
                  <c:v>42831</c:v>
                </c:pt>
                <c:pt idx="848" formatCode="mm/dd/yyyy">
                  <c:v>42832</c:v>
                </c:pt>
                <c:pt idx="849" formatCode="mm/dd/yyyy">
                  <c:v>42835</c:v>
                </c:pt>
                <c:pt idx="850" formatCode="mm/dd/yyyy">
                  <c:v>42836</c:v>
                </c:pt>
                <c:pt idx="851" formatCode="mm/dd/yyyy">
                  <c:v>42837</c:v>
                </c:pt>
                <c:pt idx="852" formatCode="mm/dd/yyyy">
                  <c:v>42838</c:v>
                </c:pt>
                <c:pt idx="853" formatCode="mm/dd/yyyy">
                  <c:v>42842</c:v>
                </c:pt>
                <c:pt idx="854" formatCode="mm/dd/yyyy">
                  <c:v>42843</c:v>
                </c:pt>
                <c:pt idx="855" formatCode="mm/dd/yyyy">
                  <c:v>42844</c:v>
                </c:pt>
                <c:pt idx="856" formatCode="mm/dd/yyyy">
                  <c:v>42845</c:v>
                </c:pt>
                <c:pt idx="857" formatCode="mm/dd/yyyy">
                  <c:v>42846</c:v>
                </c:pt>
                <c:pt idx="858" formatCode="mm/dd/yyyy">
                  <c:v>42849</c:v>
                </c:pt>
                <c:pt idx="859" formatCode="mm/dd/yyyy">
                  <c:v>42850</c:v>
                </c:pt>
                <c:pt idx="860" formatCode="mm/dd/yyyy">
                  <c:v>42851</c:v>
                </c:pt>
                <c:pt idx="861" formatCode="mm/dd/yyyy">
                  <c:v>42852</c:v>
                </c:pt>
                <c:pt idx="862" formatCode="mm/dd/yyyy">
                  <c:v>42853</c:v>
                </c:pt>
                <c:pt idx="863" formatCode="mm/dd/yyyy">
                  <c:v>42856</c:v>
                </c:pt>
                <c:pt idx="864" formatCode="mm/dd/yyyy">
                  <c:v>42857</c:v>
                </c:pt>
                <c:pt idx="865" formatCode="mm/dd/yyyy">
                  <c:v>42858</c:v>
                </c:pt>
                <c:pt idx="866" formatCode="mm/dd/yyyy">
                  <c:v>42859</c:v>
                </c:pt>
                <c:pt idx="867" formatCode="mm/dd/yyyy">
                  <c:v>42860</c:v>
                </c:pt>
                <c:pt idx="868" formatCode="mm/dd/yyyy">
                  <c:v>42863</c:v>
                </c:pt>
                <c:pt idx="869" formatCode="mm/dd/yyyy">
                  <c:v>42864</c:v>
                </c:pt>
                <c:pt idx="870" formatCode="mm/dd/yyyy">
                  <c:v>42865</c:v>
                </c:pt>
                <c:pt idx="871" formatCode="mm/dd/yyyy">
                  <c:v>42866</c:v>
                </c:pt>
                <c:pt idx="872" formatCode="mm/dd/yyyy">
                  <c:v>42867</c:v>
                </c:pt>
                <c:pt idx="873" formatCode="mm/dd/yyyy">
                  <c:v>42870</c:v>
                </c:pt>
                <c:pt idx="874" formatCode="mm/dd/yyyy">
                  <c:v>42871</c:v>
                </c:pt>
                <c:pt idx="875" formatCode="mm/dd/yyyy">
                  <c:v>42872</c:v>
                </c:pt>
                <c:pt idx="876" formatCode="mm/dd/yyyy">
                  <c:v>42873</c:v>
                </c:pt>
                <c:pt idx="877" formatCode="mm/dd/yyyy">
                  <c:v>42874</c:v>
                </c:pt>
                <c:pt idx="878" formatCode="mm/dd/yyyy">
                  <c:v>42877</c:v>
                </c:pt>
                <c:pt idx="879" formatCode="mm/dd/yyyy">
                  <c:v>42878</c:v>
                </c:pt>
                <c:pt idx="880" formatCode="mm/dd/yyyy">
                  <c:v>42879</c:v>
                </c:pt>
                <c:pt idx="881" formatCode="mm/dd/yyyy">
                  <c:v>42880</c:v>
                </c:pt>
                <c:pt idx="882" formatCode="mm/dd/yyyy">
                  <c:v>42881</c:v>
                </c:pt>
                <c:pt idx="883" formatCode="mm/dd/yyyy">
                  <c:v>42884</c:v>
                </c:pt>
                <c:pt idx="884" formatCode="mm/dd/yyyy">
                  <c:v>42885</c:v>
                </c:pt>
                <c:pt idx="885" formatCode="mm/dd/yyyy">
                  <c:v>42886</c:v>
                </c:pt>
                <c:pt idx="886" formatCode="mm/dd/yyyy">
                  <c:v>42887</c:v>
                </c:pt>
                <c:pt idx="887" formatCode="mm/dd/yyyy">
                  <c:v>42888</c:v>
                </c:pt>
                <c:pt idx="888" formatCode="mm/dd/yyyy">
                  <c:v>42891</c:v>
                </c:pt>
                <c:pt idx="889" formatCode="mm/dd/yyyy">
                  <c:v>42892</c:v>
                </c:pt>
                <c:pt idx="890" formatCode="mm/dd/yyyy">
                  <c:v>42893</c:v>
                </c:pt>
                <c:pt idx="891" formatCode="mm/dd/yyyy">
                  <c:v>42894</c:v>
                </c:pt>
                <c:pt idx="892" formatCode="mm/dd/yyyy">
                  <c:v>42895</c:v>
                </c:pt>
                <c:pt idx="893" formatCode="mm/dd/yyyy">
                  <c:v>42898</c:v>
                </c:pt>
                <c:pt idx="894" formatCode="mm/dd/yyyy">
                  <c:v>42899</c:v>
                </c:pt>
                <c:pt idx="895" formatCode="mm/dd/yyyy">
                  <c:v>42900</c:v>
                </c:pt>
                <c:pt idx="896" formatCode="mm/dd/yyyy">
                  <c:v>42901</c:v>
                </c:pt>
                <c:pt idx="897" formatCode="mm/dd/yyyy">
                  <c:v>42902</c:v>
                </c:pt>
                <c:pt idx="898" formatCode="mm/dd/yyyy">
                  <c:v>42905</c:v>
                </c:pt>
                <c:pt idx="899" formatCode="mm/dd/yyyy">
                  <c:v>42906</c:v>
                </c:pt>
                <c:pt idx="900" formatCode="mm/dd/yyyy">
                  <c:v>42907</c:v>
                </c:pt>
                <c:pt idx="901" formatCode="mm/dd/yyyy">
                  <c:v>42908</c:v>
                </c:pt>
                <c:pt idx="902" formatCode="mm/dd/yyyy">
                  <c:v>42909</c:v>
                </c:pt>
                <c:pt idx="903" formatCode="mm/dd/yyyy">
                  <c:v>42912</c:v>
                </c:pt>
                <c:pt idx="904" formatCode="mm/dd/yyyy">
                  <c:v>42913</c:v>
                </c:pt>
                <c:pt idx="905" formatCode="mm/dd/yyyy">
                  <c:v>42914</c:v>
                </c:pt>
                <c:pt idx="906" formatCode="mm/dd/yyyy">
                  <c:v>42915</c:v>
                </c:pt>
                <c:pt idx="907" formatCode="mm/dd/yyyy">
                  <c:v>42916</c:v>
                </c:pt>
                <c:pt idx="908" formatCode="mm/dd/yyyy">
                  <c:v>42919</c:v>
                </c:pt>
                <c:pt idx="909" formatCode="mm/dd/yyyy">
                  <c:v>42920</c:v>
                </c:pt>
                <c:pt idx="910" formatCode="mm/dd/yyyy">
                  <c:v>42921</c:v>
                </c:pt>
                <c:pt idx="911" formatCode="mm/dd/yyyy">
                  <c:v>42922</c:v>
                </c:pt>
                <c:pt idx="912" formatCode="mm/dd/yyyy">
                  <c:v>42923</c:v>
                </c:pt>
                <c:pt idx="913" formatCode="mm/dd/yyyy">
                  <c:v>42926</c:v>
                </c:pt>
                <c:pt idx="914" formatCode="mm/dd/yyyy">
                  <c:v>42927</c:v>
                </c:pt>
                <c:pt idx="915" formatCode="mm/dd/yyyy">
                  <c:v>42928</c:v>
                </c:pt>
                <c:pt idx="916" formatCode="mm/dd/yyyy">
                  <c:v>42929</c:v>
                </c:pt>
                <c:pt idx="917" formatCode="mm/dd/yyyy">
                  <c:v>42930</c:v>
                </c:pt>
                <c:pt idx="918" formatCode="mm/dd/yyyy">
                  <c:v>42933</c:v>
                </c:pt>
                <c:pt idx="919" formatCode="mm/dd/yyyy">
                  <c:v>42934</c:v>
                </c:pt>
                <c:pt idx="920" formatCode="mm/dd/yyyy">
                  <c:v>42935</c:v>
                </c:pt>
                <c:pt idx="921" formatCode="mm/dd/yyyy">
                  <c:v>42936</c:v>
                </c:pt>
                <c:pt idx="922" formatCode="mm/dd/yyyy">
                  <c:v>42937</c:v>
                </c:pt>
                <c:pt idx="923" formatCode="mm/dd/yyyy">
                  <c:v>42940</c:v>
                </c:pt>
                <c:pt idx="924" formatCode="mm/dd/yyyy">
                  <c:v>42941</c:v>
                </c:pt>
                <c:pt idx="925" formatCode="mm/dd/yyyy">
                  <c:v>42942</c:v>
                </c:pt>
                <c:pt idx="926" formatCode="mm/dd/yyyy">
                  <c:v>42943</c:v>
                </c:pt>
                <c:pt idx="927" formatCode="mm/dd/yyyy">
                  <c:v>42944</c:v>
                </c:pt>
                <c:pt idx="928" formatCode="mm/dd/yyyy">
                  <c:v>42947</c:v>
                </c:pt>
                <c:pt idx="929" formatCode="mm/dd/yyyy">
                  <c:v>42948</c:v>
                </c:pt>
                <c:pt idx="930" formatCode="mm/dd/yyyy">
                  <c:v>42949</c:v>
                </c:pt>
                <c:pt idx="931" formatCode="mm/dd/yyyy">
                  <c:v>42950</c:v>
                </c:pt>
                <c:pt idx="932" formatCode="mm/dd/yyyy">
                  <c:v>42951</c:v>
                </c:pt>
                <c:pt idx="933" formatCode="mm/dd/yyyy">
                  <c:v>42954</c:v>
                </c:pt>
                <c:pt idx="934" formatCode="mm/dd/yyyy">
                  <c:v>42955</c:v>
                </c:pt>
                <c:pt idx="935" formatCode="mm/dd/yyyy">
                  <c:v>42956</c:v>
                </c:pt>
                <c:pt idx="936" formatCode="mm/dd/yyyy">
                  <c:v>42957</c:v>
                </c:pt>
                <c:pt idx="937" formatCode="mm/dd/yyyy">
                  <c:v>42958</c:v>
                </c:pt>
                <c:pt idx="938" formatCode="mm/dd/yyyy">
                  <c:v>42961</c:v>
                </c:pt>
                <c:pt idx="939" formatCode="mm/dd/yyyy">
                  <c:v>42962</c:v>
                </c:pt>
                <c:pt idx="940" formatCode="mm/dd/yyyy">
                  <c:v>42963</c:v>
                </c:pt>
                <c:pt idx="941" formatCode="mm/dd/yyyy">
                  <c:v>42964</c:v>
                </c:pt>
                <c:pt idx="942" formatCode="mm/dd/yyyy">
                  <c:v>42965</c:v>
                </c:pt>
                <c:pt idx="943" formatCode="mm/dd/yyyy">
                  <c:v>42968</c:v>
                </c:pt>
                <c:pt idx="944" formatCode="mm/dd/yyyy">
                  <c:v>42969</c:v>
                </c:pt>
                <c:pt idx="945" formatCode="mm/dd/yyyy">
                  <c:v>42970</c:v>
                </c:pt>
                <c:pt idx="946" formatCode="mm/dd/yyyy">
                  <c:v>42971</c:v>
                </c:pt>
                <c:pt idx="947" formatCode="mm/dd/yyyy">
                  <c:v>42972</c:v>
                </c:pt>
                <c:pt idx="948" formatCode="mm/dd/yyyy">
                  <c:v>42975</c:v>
                </c:pt>
                <c:pt idx="949" formatCode="mm/dd/yyyy">
                  <c:v>42976</c:v>
                </c:pt>
                <c:pt idx="950" formatCode="mm/dd/yyyy">
                  <c:v>42977</c:v>
                </c:pt>
                <c:pt idx="951" formatCode="mm/dd/yyyy">
                  <c:v>42978</c:v>
                </c:pt>
                <c:pt idx="952" formatCode="mm/dd/yyyy">
                  <c:v>42979</c:v>
                </c:pt>
                <c:pt idx="953" formatCode="mm/dd/yyyy">
                  <c:v>42982</c:v>
                </c:pt>
                <c:pt idx="954" formatCode="mm/dd/yyyy">
                  <c:v>42983</c:v>
                </c:pt>
                <c:pt idx="955" formatCode="mm/dd/yyyy">
                  <c:v>42984</c:v>
                </c:pt>
                <c:pt idx="956" formatCode="mm/dd/yyyy">
                  <c:v>42985</c:v>
                </c:pt>
                <c:pt idx="957" formatCode="mm/dd/yyyy">
                  <c:v>42986</c:v>
                </c:pt>
                <c:pt idx="958" formatCode="mm/dd/yyyy">
                  <c:v>42989</c:v>
                </c:pt>
                <c:pt idx="959" formatCode="mm/dd/yyyy">
                  <c:v>42990</c:v>
                </c:pt>
                <c:pt idx="960" formatCode="mm/dd/yyyy">
                  <c:v>42991</c:v>
                </c:pt>
                <c:pt idx="961" formatCode="mm/dd/yyyy">
                  <c:v>42992</c:v>
                </c:pt>
                <c:pt idx="962" formatCode="mm/dd/yyyy">
                  <c:v>42993</c:v>
                </c:pt>
                <c:pt idx="963" formatCode="mm/dd/yyyy">
                  <c:v>42996</c:v>
                </c:pt>
                <c:pt idx="964" formatCode="mm/dd/yyyy">
                  <c:v>42997</c:v>
                </c:pt>
                <c:pt idx="965" formatCode="mm/dd/yyyy">
                  <c:v>42998</c:v>
                </c:pt>
                <c:pt idx="966" formatCode="mm/dd/yyyy">
                  <c:v>42999</c:v>
                </c:pt>
                <c:pt idx="967" formatCode="mm/dd/yyyy">
                  <c:v>43000</c:v>
                </c:pt>
                <c:pt idx="968" formatCode="mm/dd/yyyy">
                  <c:v>43003</c:v>
                </c:pt>
                <c:pt idx="969" formatCode="mm/dd/yyyy">
                  <c:v>43004</c:v>
                </c:pt>
                <c:pt idx="970" formatCode="mm/dd/yyyy">
                  <c:v>43005</c:v>
                </c:pt>
                <c:pt idx="971" formatCode="mm/dd/yyyy">
                  <c:v>43006</c:v>
                </c:pt>
                <c:pt idx="972" formatCode="mm/dd/yyyy">
                  <c:v>43007</c:v>
                </c:pt>
                <c:pt idx="973" formatCode="mm/dd/yyyy">
                  <c:v>43010</c:v>
                </c:pt>
                <c:pt idx="974" formatCode="mm/dd/yyyy">
                  <c:v>43011</c:v>
                </c:pt>
                <c:pt idx="975" formatCode="mm/dd/yyyy">
                  <c:v>43012</c:v>
                </c:pt>
                <c:pt idx="976" formatCode="mm/dd/yyyy">
                  <c:v>43013</c:v>
                </c:pt>
                <c:pt idx="977" formatCode="mm/dd/yyyy">
                  <c:v>43014</c:v>
                </c:pt>
                <c:pt idx="978" formatCode="mm/dd/yyyy">
                  <c:v>43017</c:v>
                </c:pt>
                <c:pt idx="979" formatCode="mm/dd/yyyy">
                  <c:v>43018</c:v>
                </c:pt>
                <c:pt idx="980" formatCode="mm/dd/yyyy">
                  <c:v>43019</c:v>
                </c:pt>
                <c:pt idx="981" formatCode="mm/dd/yyyy">
                  <c:v>43020</c:v>
                </c:pt>
                <c:pt idx="982" formatCode="mm/dd/yyyy">
                  <c:v>43021</c:v>
                </c:pt>
                <c:pt idx="983" formatCode="mm/dd/yyyy">
                  <c:v>43024</c:v>
                </c:pt>
                <c:pt idx="984" formatCode="mm/dd/yyyy">
                  <c:v>43025</c:v>
                </c:pt>
                <c:pt idx="985" formatCode="mm/dd/yyyy">
                  <c:v>43026</c:v>
                </c:pt>
                <c:pt idx="986" formatCode="mm/dd/yyyy">
                  <c:v>43027</c:v>
                </c:pt>
                <c:pt idx="987" formatCode="mm/dd/yyyy">
                  <c:v>43028</c:v>
                </c:pt>
                <c:pt idx="988" formatCode="mm/dd/yyyy">
                  <c:v>43031</c:v>
                </c:pt>
                <c:pt idx="989" formatCode="mm/dd/yyyy">
                  <c:v>43032</c:v>
                </c:pt>
                <c:pt idx="990" formatCode="mm/dd/yyyy">
                  <c:v>43033</c:v>
                </c:pt>
                <c:pt idx="991" formatCode="mm/dd/yyyy">
                  <c:v>43034</c:v>
                </c:pt>
                <c:pt idx="992" formatCode="mm/dd/yyyy">
                  <c:v>43035</c:v>
                </c:pt>
                <c:pt idx="993" formatCode="mm/dd/yyyy">
                  <c:v>43038</c:v>
                </c:pt>
                <c:pt idx="994" formatCode="mm/dd/yyyy">
                  <c:v>43039</c:v>
                </c:pt>
                <c:pt idx="995" formatCode="mm/dd/yyyy">
                  <c:v>43040</c:v>
                </c:pt>
                <c:pt idx="996" formatCode="mm/dd/yyyy">
                  <c:v>43041</c:v>
                </c:pt>
                <c:pt idx="997" formatCode="mm/dd/yyyy">
                  <c:v>43042</c:v>
                </c:pt>
                <c:pt idx="998" formatCode="mm/dd/yyyy">
                  <c:v>43045</c:v>
                </c:pt>
                <c:pt idx="999" formatCode="mm/dd/yyyy">
                  <c:v>43046</c:v>
                </c:pt>
                <c:pt idx="1000" formatCode="mm/dd/yyyy">
                  <c:v>43047</c:v>
                </c:pt>
                <c:pt idx="1001" formatCode="mm/dd/yyyy">
                  <c:v>43048</c:v>
                </c:pt>
                <c:pt idx="1002" formatCode="mm/dd/yyyy">
                  <c:v>43049</c:v>
                </c:pt>
                <c:pt idx="1003" formatCode="mm/dd/yyyy">
                  <c:v>43052</c:v>
                </c:pt>
                <c:pt idx="1004" formatCode="mm/dd/yyyy">
                  <c:v>43053</c:v>
                </c:pt>
                <c:pt idx="1005" formatCode="mm/dd/yyyy">
                  <c:v>43054</c:v>
                </c:pt>
                <c:pt idx="1006" formatCode="mm/dd/yyyy">
                  <c:v>43055</c:v>
                </c:pt>
                <c:pt idx="1007" formatCode="mm/dd/yyyy">
                  <c:v>43056</c:v>
                </c:pt>
                <c:pt idx="1008" formatCode="mm/dd/yyyy">
                  <c:v>43059</c:v>
                </c:pt>
                <c:pt idx="1009" formatCode="mm/dd/yyyy">
                  <c:v>43060</c:v>
                </c:pt>
                <c:pt idx="1010" formatCode="mm/dd/yyyy">
                  <c:v>43061</c:v>
                </c:pt>
                <c:pt idx="1011" formatCode="mm/dd/yyyy">
                  <c:v>43062</c:v>
                </c:pt>
                <c:pt idx="1012" formatCode="mm/dd/yyyy">
                  <c:v>43063</c:v>
                </c:pt>
                <c:pt idx="1013" formatCode="mm/dd/yyyy">
                  <c:v>43066</c:v>
                </c:pt>
                <c:pt idx="1014" formatCode="mm/dd/yyyy">
                  <c:v>43067</c:v>
                </c:pt>
                <c:pt idx="1015" formatCode="mm/dd/yyyy">
                  <c:v>43068</c:v>
                </c:pt>
                <c:pt idx="1016" formatCode="mm/dd/yyyy">
                  <c:v>43069</c:v>
                </c:pt>
                <c:pt idx="1017" formatCode="mm/dd/yyyy">
                  <c:v>43070</c:v>
                </c:pt>
                <c:pt idx="1018" formatCode="mm/dd/yyyy">
                  <c:v>43073</c:v>
                </c:pt>
                <c:pt idx="1019" formatCode="mm/dd/yyyy">
                  <c:v>43074</c:v>
                </c:pt>
                <c:pt idx="1020" formatCode="mm/dd/yyyy">
                  <c:v>43075</c:v>
                </c:pt>
                <c:pt idx="1021" formatCode="mm/dd/yyyy">
                  <c:v>43076</c:v>
                </c:pt>
                <c:pt idx="1022" formatCode="mm/dd/yyyy">
                  <c:v>43077</c:v>
                </c:pt>
                <c:pt idx="1023" formatCode="mm/dd/yyyy">
                  <c:v>43080</c:v>
                </c:pt>
                <c:pt idx="1024" formatCode="mm/dd/yyyy">
                  <c:v>43081</c:v>
                </c:pt>
                <c:pt idx="1025" formatCode="mm/dd/yyyy">
                  <c:v>43082</c:v>
                </c:pt>
                <c:pt idx="1026" formatCode="mm/dd/yyyy">
                  <c:v>43083</c:v>
                </c:pt>
                <c:pt idx="1027" formatCode="mm/dd/yyyy">
                  <c:v>43084</c:v>
                </c:pt>
                <c:pt idx="1028" formatCode="mm/dd/yyyy">
                  <c:v>43087</c:v>
                </c:pt>
                <c:pt idx="1029" formatCode="mm/dd/yyyy">
                  <c:v>43088</c:v>
                </c:pt>
                <c:pt idx="1030" formatCode="mm/dd/yyyy">
                  <c:v>43089</c:v>
                </c:pt>
                <c:pt idx="1031" formatCode="mm/dd/yyyy">
                  <c:v>43090</c:v>
                </c:pt>
                <c:pt idx="1032" formatCode="mm/dd/yyyy">
                  <c:v>43091</c:v>
                </c:pt>
                <c:pt idx="1033" formatCode="mm/dd/yyyy">
                  <c:v>43094</c:v>
                </c:pt>
                <c:pt idx="1034" formatCode="mm/dd/yyyy">
                  <c:v>43095</c:v>
                </c:pt>
                <c:pt idx="1035" formatCode="mm/dd/yyyy">
                  <c:v>43096</c:v>
                </c:pt>
                <c:pt idx="1036" formatCode="mm/dd/yyyy">
                  <c:v>43097</c:v>
                </c:pt>
                <c:pt idx="1037" formatCode="mm/dd/yyyy">
                  <c:v>43098</c:v>
                </c:pt>
                <c:pt idx="1038" formatCode="mm/dd/yyyy">
                  <c:v>43101</c:v>
                </c:pt>
                <c:pt idx="1039" formatCode="mm/dd/yyyy">
                  <c:v>43102</c:v>
                </c:pt>
                <c:pt idx="1040" formatCode="mm/dd/yyyy">
                  <c:v>43103</c:v>
                </c:pt>
                <c:pt idx="1041" formatCode="mm/dd/yyyy">
                  <c:v>43104</c:v>
                </c:pt>
                <c:pt idx="1042" formatCode="mm/dd/yyyy">
                  <c:v>43105</c:v>
                </c:pt>
                <c:pt idx="1043" formatCode="mm/dd/yyyy">
                  <c:v>43108</c:v>
                </c:pt>
                <c:pt idx="1044" formatCode="mm/dd/yyyy">
                  <c:v>43109</c:v>
                </c:pt>
                <c:pt idx="1045" formatCode="mm/dd/yyyy">
                  <c:v>43110</c:v>
                </c:pt>
                <c:pt idx="1046" formatCode="mm/dd/yyyy">
                  <c:v>43111</c:v>
                </c:pt>
                <c:pt idx="1047" formatCode="mm/dd/yyyy">
                  <c:v>43112</c:v>
                </c:pt>
                <c:pt idx="1048" formatCode="mm/dd/yyyy">
                  <c:v>43115</c:v>
                </c:pt>
                <c:pt idx="1049" formatCode="mm/dd/yyyy">
                  <c:v>43116</c:v>
                </c:pt>
                <c:pt idx="1050" formatCode="mm/dd/yyyy">
                  <c:v>43117</c:v>
                </c:pt>
                <c:pt idx="1051" formatCode="mm/dd/yyyy">
                  <c:v>43118</c:v>
                </c:pt>
                <c:pt idx="1052" formatCode="mm/dd/yyyy">
                  <c:v>43119</c:v>
                </c:pt>
                <c:pt idx="1053" formatCode="mm/dd/yyyy">
                  <c:v>43122</c:v>
                </c:pt>
                <c:pt idx="1054" formatCode="mm/dd/yyyy">
                  <c:v>43123</c:v>
                </c:pt>
                <c:pt idx="1055" formatCode="mm/dd/yyyy">
                  <c:v>43124</c:v>
                </c:pt>
                <c:pt idx="1056" formatCode="mm/dd/yyyy">
                  <c:v>43125</c:v>
                </c:pt>
                <c:pt idx="1057" formatCode="mm/dd/yyyy">
                  <c:v>43126</c:v>
                </c:pt>
                <c:pt idx="1058" formatCode="mm/dd/yyyy">
                  <c:v>43129</c:v>
                </c:pt>
                <c:pt idx="1059" formatCode="mm/dd/yyyy">
                  <c:v>43130</c:v>
                </c:pt>
                <c:pt idx="1060" formatCode="mm/dd/yyyy">
                  <c:v>43131</c:v>
                </c:pt>
                <c:pt idx="1061" formatCode="mm/dd/yyyy">
                  <c:v>43132</c:v>
                </c:pt>
                <c:pt idx="1062" formatCode="mm/dd/yyyy">
                  <c:v>43133</c:v>
                </c:pt>
                <c:pt idx="1063" formatCode="mm/dd/yyyy">
                  <c:v>43136</c:v>
                </c:pt>
                <c:pt idx="1064" formatCode="mm/dd/yyyy">
                  <c:v>43137</c:v>
                </c:pt>
                <c:pt idx="1065" formatCode="mm/dd/yyyy">
                  <c:v>43138</c:v>
                </c:pt>
                <c:pt idx="1066" formatCode="mm/dd/yyyy">
                  <c:v>43139</c:v>
                </c:pt>
                <c:pt idx="1067" formatCode="mm/dd/yyyy">
                  <c:v>43140</c:v>
                </c:pt>
                <c:pt idx="1068" formatCode="mm/dd/yyyy">
                  <c:v>43143</c:v>
                </c:pt>
                <c:pt idx="1069" formatCode="mm/dd/yyyy">
                  <c:v>43144</c:v>
                </c:pt>
                <c:pt idx="1070" formatCode="mm/dd/yyyy">
                  <c:v>43145</c:v>
                </c:pt>
                <c:pt idx="1071" formatCode="mm/dd/yyyy">
                  <c:v>43146</c:v>
                </c:pt>
                <c:pt idx="1072" formatCode="mm/dd/yyyy">
                  <c:v>43147</c:v>
                </c:pt>
                <c:pt idx="1073" formatCode="mm/dd/yyyy">
                  <c:v>43150</c:v>
                </c:pt>
                <c:pt idx="1074" formatCode="mm/dd/yyyy">
                  <c:v>43151</c:v>
                </c:pt>
                <c:pt idx="1075" formatCode="mm/dd/yyyy">
                  <c:v>43152</c:v>
                </c:pt>
                <c:pt idx="1076" formatCode="mm/dd/yyyy">
                  <c:v>43153</c:v>
                </c:pt>
                <c:pt idx="1077" formatCode="mm/dd/yyyy">
                  <c:v>43154</c:v>
                </c:pt>
                <c:pt idx="1078" formatCode="mm/dd/yyyy">
                  <c:v>43157</c:v>
                </c:pt>
                <c:pt idx="1079" formatCode="mm/dd/yyyy">
                  <c:v>43158</c:v>
                </c:pt>
                <c:pt idx="1080" formatCode="mm/dd/yyyy">
                  <c:v>43159</c:v>
                </c:pt>
                <c:pt idx="1081" formatCode="mm/dd/yyyy">
                  <c:v>43160</c:v>
                </c:pt>
                <c:pt idx="1082" formatCode="mm/dd/yyyy">
                  <c:v>43161</c:v>
                </c:pt>
                <c:pt idx="1083" formatCode="mm/dd/yyyy">
                  <c:v>43164</c:v>
                </c:pt>
                <c:pt idx="1084" formatCode="mm/dd/yyyy">
                  <c:v>43165</c:v>
                </c:pt>
                <c:pt idx="1085" formatCode="mm/dd/yyyy">
                  <c:v>43166</c:v>
                </c:pt>
                <c:pt idx="1086" formatCode="mm/dd/yyyy">
                  <c:v>43167</c:v>
                </c:pt>
                <c:pt idx="1087" formatCode="mm/dd/yyyy">
                  <c:v>43168</c:v>
                </c:pt>
                <c:pt idx="1088" formatCode="mm/dd/yyyy">
                  <c:v>43171</c:v>
                </c:pt>
                <c:pt idx="1089" formatCode="mm/dd/yyyy">
                  <c:v>43172</c:v>
                </c:pt>
                <c:pt idx="1090" formatCode="mm/dd/yyyy">
                  <c:v>43173</c:v>
                </c:pt>
                <c:pt idx="1091" formatCode="mm/dd/yyyy">
                  <c:v>43174</c:v>
                </c:pt>
                <c:pt idx="1092" formatCode="mm/dd/yyyy">
                  <c:v>43175</c:v>
                </c:pt>
                <c:pt idx="1093" formatCode="mm/dd/yyyy">
                  <c:v>43176</c:v>
                </c:pt>
                <c:pt idx="1094" formatCode="mm/dd/yyyy">
                  <c:v>43179</c:v>
                </c:pt>
                <c:pt idx="1095" formatCode="mm/dd/yyyy">
                  <c:v>43180</c:v>
                </c:pt>
                <c:pt idx="1096" formatCode="mm/dd/yyyy">
                  <c:v>43181</c:v>
                </c:pt>
                <c:pt idx="1097" formatCode="mm/dd/yyyy">
                  <c:v>43182</c:v>
                </c:pt>
                <c:pt idx="1098" formatCode="mm/dd/yyyy">
                  <c:v>43183</c:v>
                </c:pt>
                <c:pt idx="1099" formatCode="mm/dd/yyyy">
                  <c:v>43186</c:v>
                </c:pt>
                <c:pt idx="1100" formatCode="mm/dd/yyyy">
                  <c:v>43187</c:v>
                </c:pt>
                <c:pt idx="1101" formatCode="mm/dd/yyyy">
                  <c:v>43188</c:v>
                </c:pt>
                <c:pt idx="1102" formatCode="mm/dd/yyyy">
                  <c:v>43189</c:v>
                </c:pt>
                <c:pt idx="1103" formatCode="mm/dd/yyyy">
                  <c:v>43190</c:v>
                </c:pt>
                <c:pt idx="1104" formatCode="mm/dd/yyyy">
                  <c:v>43193</c:v>
                </c:pt>
                <c:pt idx="1105" formatCode="mm/dd/yyyy">
                  <c:v>43194</c:v>
                </c:pt>
                <c:pt idx="1106" formatCode="mm/dd/yyyy">
                  <c:v>43195</c:v>
                </c:pt>
                <c:pt idx="1107" formatCode="mm/dd/yyyy">
                  <c:v>43196</c:v>
                </c:pt>
                <c:pt idx="1108" formatCode="mm/dd/yyyy">
                  <c:v>43197</c:v>
                </c:pt>
                <c:pt idx="1109" formatCode="mm/dd/yyyy">
                  <c:v>43200</c:v>
                </c:pt>
                <c:pt idx="1110" formatCode="mm/dd/yyyy">
                  <c:v>43201</c:v>
                </c:pt>
                <c:pt idx="1111" formatCode="mm/dd/yyyy">
                  <c:v>43202</c:v>
                </c:pt>
                <c:pt idx="1112" formatCode="mm/dd/yyyy">
                  <c:v>43203</c:v>
                </c:pt>
                <c:pt idx="1113" formatCode="mm/dd/yyyy">
                  <c:v>43207</c:v>
                </c:pt>
                <c:pt idx="1114" formatCode="mm/dd/yyyy">
                  <c:v>43208</c:v>
                </c:pt>
                <c:pt idx="1115" formatCode="mm/dd/yyyy">
                  <c:v>43209</c:v>
                </c:pt>
                <c:pt idx="1116" formatCode="mm/dd/yyyy">
                  <c:v>43210</c:v>
                </c:pt>
                <c:pt idx="1117" formatCode="mm/dd/yyyy">
                  <c:v>43211</c:v>
                </c:pt>
                <c:pt idx="1118" formatCode="mm/dd/yyyy">
                  <c:v>43214</c:v>
                </c:pt>
                <c:pt idx="1119" formatCode="mm/dd/yyyy">
                  <c:v>43215</c:v>
                </c:pt>
                <c:pt idx="1120" formatCode="mm/dd/yyyy">
                  <c:v>43216</c:v>
                </c:pt>
                <c:pt idx="1121" formatCode="mm/dd/yyyy">
                  <c:v>43217</c:v>
                </c:pt>
                <c:pt idx="1122" formatCode="mm/dd/yyyy">
                  <c:v>43218</c:v>
                </c:pt>
                <c:pt idx="1123" formatCode="mm/dd/yyyy">
                  <c:v>43221</c:v>
                </c:pt>
                <c:pt idx="1124" formatCode="mm/dd/yyyy">
                  <c:v>43222</c:v>
                </c:pt>
                <c:pt idx="1125" formatCode="mm/dd/yyyy">
                  <c:v>43223</c:v>
                </c:pt>
                <c:pt idx="1126" formatCode="mm/dd/yyyy">
                  <c:v>43224</c:v>
                </c:pt>
                <c:pt idx="1127" formatCode="mm/dd/yyyy">
                  <c:v>43225</c:v>
                </c:pt>
                <c:pt idx="1128" formatCode="mm/dd/yyyy">
                  <c:v>43228</c:v>
                </c:pt>
                <c:pt idx="1129" formatCode="mm/dd/yyyy">
                  <c:v>43229</c:v>
                </c:pt>
                <c:pt idx="1130" formatCode="mm/dd/yyyy">
                  <c:v>43230</c:v>
                </c:pt>
                <c:pt idx="1131" formatCode="mm/dd/yyyy">
                  <c:v>43231</c:v>
                </c:pt>
                <c:pt idx="1132" formatCode="mm/dd/yyyy">
                  <c:v>43232</c:v>
                </c:pt>
                <c:pt idx="1133" formatCode="mm/dd/yyyy">
                  <c:v>43235</c:v>
                </c:pt>
                <c:pt idx="1134" formatCode="mm/dd/yyyy">
                  <c:v>43236</c:v>
                </c:pt>
                <c:pt idx="1135" formatCode="mm/dd/yyyy">
                  <c:v>43237</c:v>
                </c:pt>
                <c:pt idx="1136" formatCode="mm/dd/yyyy">
                  <c:v>43238</c:v>
                </c:pt>
                <c:pt idx="1137" formatCode="mm/dd/yyyy">
                  <c:v>43239</c:v>
                </c:pt>
                <c:pt idx="1138" formatCode="mm/dd/yyyy">
                  <c:v>43242</c:v>
                </c:pt>
                <c:pt idx="1139" formatCode="mm/dd/yyyy">
                  <c:v>43243</c:v>
                </c:pt>
                <c:pt idx="1140" formatCode="mm/dd/yyyy">
                  <c:v>43244</c:v>
                </c:pt>
                <c:pt idx="1141" formatCode="mm/dd/yyyy">
                  <c:v>43245</c:v>
                </c:pt>
                <c:pt idx="1142" formatCode="mm/dd/yyyy">
                  <c:v>43246</c:v>
                </c:pt>
                <c:pt idx="1143" formatCode="mm/dd/yyyy">
                  <c:v>43249</c:v>
                </c:pt>
                <c:pt idx="1144" formatCode="mm/dd/yyyy">
                  <c:v>43250</c:v>
                </c:pt>
                <c:pt idx="1145" formatCode="mm/dd/yyyy">
                  <c:v>43251</c:v>
                </c:pt>
                <c:pt idx="1146" formatCode="mm/dd/yyyy">
                  <c:v>43252</c:v>
                </c:pt>
                <c:pt idx="1147" formatCode="mm/dd/yyyy">
                  <c:v>43253</c:v>
                </c:pt>
                <c:pt idx="1148" formatCode="mm/dd/yyyy">
                  <c:v>43256</c:v>
                </c:pt>
                <c:pt idx="1149" formatCode="mm/dd/yyyy">
                  <c:v>43257</c:v>
                </c:pt>
                <c:pt idx="1150" formatCode="mm/dd/yyyy">
                  <c:v>43258</c:v>
                </c:pt>
                <c:pt idx="1151" formatCode="mm/dd/yyyy">
                  <c:v>43259</c:v>
                </c:pt>
                <c:pt idx="1152" formatCode="mm/dd/yyyy">
                  <c:v>43260</c:v>
                </c:pt>
                <c:pt idx="1153" formatCode="mm/dd/yyyy">
                  <c:v>43263</c:v>
                </c:pt>
                <c:pt idx="1154" formatCode="mm/dd/yyyy">
                  <c:v>43264</c:v>
                </c:pt>
                <c:pt idx="1155" formatCode="mm/dd/yyyy">
                  <c:v>43265</c:v>
                </c:pt>
                <c:pt idx="1156" formatCode="mm/dd/yyyy">
                  <c:v>43266</c:v>
                </c:pt>
                <c:pt idx="1157" formatCode="mm/dd/yyyy">
                  <c:v>43267</c:v>
                </c:pt>
                <c:pt idx="1158" formatCode="mm/dd/yyyy">
                  <c:v>43270</c:v>
                </c:pt>
                <c:pt idx="1159" formatCode="mm/dd/yyyy">
                  <c:v>43271</c:v>
                </c:pt>
                <c:pt idx="1160" formatCode="mm/dd/yyyy">
                  <c:v>43272</c:v>
                </c:pt>
                <c:pt idx="1161" formatCode="mm/dd/yyyy">
                  <c:v>43273</c:v>
                </c:pt>
                <c:pt idx="1162" formatCode="mm/dd/yyyy">
                  <c:v>43274</c:v>
                </c:pt>
                <c:pt idx="1163" formatCode="mm/dd/yyyy">
                  <c:v>43277</c:v>
                </c:pt>
                <c:pt idx="1164" formatCode="mm/dd/yyyy">
                  <c:v>43278</c:v>
                </c:pt>
                <c:pt idx="1165" formatCode="mm/dd/yyyy">
                  <c:v>43279</c:v>
                </c:pt>
                <c:pt idx="1166" formatCode="mm/dd/yyyy">
                  <c:v>43280</c:v>
                </c:pt>
                <c:pt idx="1167" formatCode="mm/dd/yyyy">
                  <c:v>43281</c:v>
                </c:pt>
                <c:pt idx="1168" formatCode="mm/dd/yyyy">
                  <c:v>43284</c:v>
                </c:pt>
                <c:pt idx="1169" formatCode="mm/dd/yyyy">
                  <c:v>43285</c:v>
                </c:pt>
                <c:pt idx="1170" formatCode="mm/dd/yyyy">
                  <c:v>43286</c:v>
                </c:pt>
                <c:pt idx="1171" formatCode="mm/dd/yyyy">
                  <c:v>43287</c:v>
                </c:pt>
                <c:pt idx="1172" formatCode="mm/dd/yyyy">
                  <c:v>43288</c:v>
                </c:pt>
                <c:pt idx="1173" formatCode="mm/dd/yyyy">
                  <c:v>43291</c:v>
                </c:pt>
                <c:pt idx="1174" formatCode="mm/dd/yyyy">
                  <c:v>43292</c:v>
                </c:pt>
                <c:pt idx="1175" formatCode="mm/dd/yyyy">
                  <c:v>43293</c:v>
                </c:pt>
                <c:pt idx="1176" formatCode="mm/dd/yyyy">
                  <c:v>43294</c:v>
                </c:pt>
                <c:pt idx="1177" formatCode="mm/dd/yyyy">
                  <c:v>43295</c:v>
                </c:pt>
                <c:pt idx="1178" formatCode="mm/dd/yyyy">
                  <c:v>43298</c:v>
                </c:pt>
                <c:pt idx="1179" formatCode="mm/dd/yyyy">
                  <c:v>43299</c:v>
                </c:pt>
                <c:pt idx="1180" formatCode="mm/dd/yyyy">
                  <c:v>43300</c:v>
                </c:pt>
                <c:pt idx="1181" formatCode="mm/dd/yyyy">
                  <c:v>43301</c:v>
                </c:pt>
                <c:pt idx="1182" formatCode="mm/dd/yyyy">
                  <c:v>43302</c:v>
                </c:pt>
                <c:pt idx="1183" formatCode="mm/dd/yyyy">
                  <c:v>43305</c:v>
                </c:pt>
                <c:pt idx="1184" formatCode="mm/dd/yyyy">
                  <c:v>43306</c:v>
                </c:pt>
                <c:pt idx="1185" formatCode="mm/dd/yyyy">
                  <c:v>43307</c:v>
                </c:pt>
                <c:pt idx="1186" formatCode="mm/dd/yyyy">
                  <c:v>43308</c:v>
                </c:pt>
                <c:pt idx="1187" formatCode="mm/dd/yyyy">
                  <c:v>43309</c:v>
                </c:pt>
                <c:pt idx="1188" formatCode="mm/dd/yyyy">
                  <c:v>43312</c:v>
                </c:pt>
                <c:pt idx="1189" formatCode="mm/dd/yyyy">
                  <c:v>43313</c:v>
                </c:pt>
                <c:pt idx="1190" formatCode="mm/dd/yyyy">
                  <c:v>43314</c:v>
                </c:pt>
                <c:pt idx="1191" formatCode="mm/dd/yyyy">
                  <c:v>43315</c:v>
                </c:pt>
                <c:pt idx="1192" formatCode="mm/dd/yyyy">
                  <c:v>43316</c:v>
                </c:pt>
                <c:pt idx="1193" formatCode="mm/dd/yyyy">
                  <c:v>43319</c:v>
                </c:pt>
                <c:pt idx="1194" formatCode="mm/dd/yyyy">
                  <c:v>43320</c:v>
                </c:pt>
                <c:pt idx="1195" formatCode="mm/dd/yyyy">
                  <c:v>43321</c:v>
                </c:pt>
                <c:pt idx="1196" formatCode="mm/dd/yyyy">
                  <c:v>43322</c:v>
                </c:pt>
                <c:pt idx="1197" formatCode="mm/dd/yyyy">
                  <c:v>43323</c:v>
                </c:pt>
                <c:pt idx="1198" formatCode="mm/dd/yyyy">
                  <c:v>43326</c:v>
                </c:pt>
                <c:pt idx="1199" formatCode="mm/dd/yyyy">
                  <c:v>43327</c:v>
                </c:pt>
                <c:pt idx="1200" formatCode="mm/dd/yyyy">
                  <c:v>43328</c:v>
                </c:pt>
                <c:pt idx="1201" formatCode="mm/dd/yyyy">
                  <c:v>43329</c:v>
                </c:pt>
                <c:pt idx="1202" formatCode="mm/dd/yyyy">
                  <c:v>43330</c:v>
                </c:pt>
                <c:pt idx="1203" formatCode="mm/dd/yyyy">
                  <c:v>43333</c:v>
                </c:pt>
                <c:pt idx="1204" formatCode="mm/dd/yyyy">
                  <c:v>43334</c:v>
                </c:pt>
                <c:pt idx="1205" formatCode="mm/dd/yyyy">
                  <c:v>43335</c:v>
                </c:pt>
                <c:pt idx="1206" formatCode="mm/dd/yyyy">
                  <c:v>43336</c:v>
                </c:pt>
                <c:pt idx="1207" formatCode="mm/dd/yyyy">
                  <c:v>43337</c:v>
                </c:pt>
                <c:pt idx="1208" formatCode="mm/dd/yyyy">
                  <c:v>43340</c:v>
                </c:pt>
                <c:pt idx="1209" formatCode="mm/dd/yyyy">
                  <c:v>43341</c:v>
                </c:pt>
                <c:pt idx="1210" formatCode="mm/dd/yyyy">
                  <c:v>43342</c:v>
                </c:pt>
                <c:pt idx="1211" formatCode="mm/dd/yyyy">
                  <c:v>43343</c:v>
                </c:pt>
                <c:pt idx="1212" formatCode="mm/dd/yyyy">
                  <c:v>43344</c:v>
                </c:pt>
                <c:pt idx="1213" formatCode="mm/dd/yyyy">
                  <c:v>43347</c:v>
                </c:pt>
                <c:pt idx="1214" formatCode="mm/dd/yyyy">
                  <c:v>43348</c:v>
                </c:pt>
                <c:pt idx="1215" formatCode="mm/dd/yyyy">
                  <c:v>43349</c:v>
                </c:pt>
                <c:pt idx="1216" formatCode="mm/dd/yyyy">
                  <c:v>43350</c:v>
                </c:pt>
                <c:pt idx="1217" formatCode="mm/dd/yyyy">
                  <c:v>43351</c:v>
                </c:pt>
                <c:pt idx="1218" formatCode="mm/dd/yyyy">
                  <c:v>43354</c:v>
                </c:pt>
                <c:pt idx="1219" formatCode="mm/dd/yyyy">
                  <c:v>43355</c:v>
                </c:pt>
                <c:pt idx="1220" formatCode="mm/dd/yyyy">
                  <c:v>43356</c:v>
                </c:pt>
                <c:pt idx="1221" formatCode="mm/dd/yyyy">
                  <c:v>43357</c:v>
                </c:pt>
                <c:pt idx="1222" formatCode="mm/dd/yyyy">
                  <c:v>43358</c:v>
                </c:pt>
                <c:pt idx="1223" formatCode="mm/dd/yyyy">
                  <c:v>43361</c:v>
                </c:pt>
                <c:pt idx="1224" formatCode="mm/dd/yyyy">
                  <c:v>43362</c:v>
                </c:pt>
                <c:pt idx="1225" formatCode="mm/dd/yyyy">
                  <c:v>43363</c:v>
                </c:pt>
                <c:pt idx="1226" formatCode="mm/dd/yyyy">
                  <c:v>43364</c:v>
                </c:pt>
                <c:pt idx="1227" formatCode="mm/dd/yyyy">
                  <c:v>43365</c:v>
                </c:pt>
                <c:pt idx="1228" formatCode="mm/dd/yyyy">
                  <c:v>43368</c:v>
                </c:pt>
                <c:pt idx="1229" formatCode="mm/dd/yyyy">
                  <c:v>43369</c:v>
                </c:pt>
                <c:pt idx="1230" formatCode="mm/dd/yyyy">
                  <c:v>43370</c:v>
                </c:pt>
                <c:pt idx="1231" formatCode="mm/dd/yyyy">
                  <c:v>43371</c:v>
                </c:pt>
                <c:pt idx="1232" formatCode="mm/dd/yyyy">
                  <c:v>43372</c:v>
                </c:pt>
                <c:pt idx="1233" formatCode="mm/dd/yyyy">
                  <c:v>43375</c:v>
                </c:pt>
                <c:pt idx="1234" formatCode="mm/dd/yyyy">
                  <c:v>43376</c:v>
                </c:pt>
                <c:pt idx="1235" formatCode="mm/dd/yyyy">
                  <c:v>43377</c:v>
                </c:pt>
                <c:pt idx="1236" formatCode="mm/dd/yyyy">
                  <c:v>43378</c:v>
                </c:pt>
                <c:pt idx="1237" formatCode="mm/dd/yyyy">
                  <c:v>43379</c:v>
                </c:pt>
                <c:pt idx="1238" formatCode="mm/dd/yyyy">
                  <c:v>43382</c:v>
                </c:pt>
                <c:pt idx="1239" formatCode="mm/dd/yyyy">
                  <c:v>43383</c:v>
                </c:pt>
                <c:pt idx="1240" formatCode="mm/dd/yyyy">
                  <c:v>43384</c:v>
                </c:pt>
                <c:pt idx="1241" formatCode="mm/dd/yyyy">
                  <c:v>43385</c:v>
                </c:pt>
                <c:pt idx="1242" formatCode="mm/dd/yyyy">
                  <c:v>43386</c:v>
                </c:pt>
                <c:pt idx="1243" formatCode="mm/dd/yyyy">
                  <c:v>43389</c:v>
                </c:pt>
                <c:pt idx="1244" formatCode="mm/dd/yyyy">
                  <c:v>43390</c:v>
                </c:pt>
                <c:pt idx="1245" formatCode="mm/dd/yyyy">
                  <c:v>43391</c:v>
                </c:pt>
                <c:pt idx="1246" formatCode="mm/dd/yyyy">
                  <c:v>43392</c:v>
                </c:pt>
                <c:pt idx="1247" formatCode="mm/dd/yyyy">
                  <c:v>43393</c:v>
                </c:pt>
                <c:pt idx="1248" formatCode="mm/dd/yyyy">
                  <c:v>43396</c:v>
                </c:pt>
                <c:pt idx="1249" formatCode="mm/dd/yyyy">
                  <c:v>43397</c:v>
                </c:pt>
                <c:pt idx="1250" formatCode="mm/dd/yyyy">
                  <c:v>43398</c:v>
                </c:pt>
                <c:pt idx="1251" formatCode="mm/dd/yyyy">
                  <c:v>43399</c:v>
                </c:pt>
                <c:pt idx="1252" formatCode="mm/dd/yyyy">
                  <c:v>43400</c:v>
                </c:pt>
                <c:pt idx="1253" formatCode="mm/dd/yyyy">
                  <c:v>43403</c:v>
                </c:pt>
                <c:pt idx="1254" formatCode="mm/dd/yyyy">
                  <c:v>43404</c:v>
                </c:pt>
                <c:pt idx="1255" formatCode="mm/dd/yyyy">
                  <c:v>43405</c:v>
                </c:pt>
                <c:pt idx="1256" formatCode="mm/dd/yyyy">
                  <c:v>43406</c:v>
                </c:pt>
                <c:pt idx="1257" formatCode="mm/dd/yyyy">
                  <c:v>43407</c:v>
                </c:pt>
                <c:pt idx="1258" formatCode="mm/dd/yyyy">
                  <c:v>43410</c:v>
                </c:pt>
                <c:pt idx="1259" formatCode="mm/dd/yyyy">
                  <c:v>43411</c:v>
                </c:pt>
                <c:pt idx="1260" formatCode="mm/dd/yyyy">
                  <c:v>43412</c:v>
                </c:pt>
                <c:pt idx="1261" formatCode="mm/dd/yyyy">
                  <c:v>43413</c:v>
                </c:pt>
                <c:pt idx="1262" formatCode="mm/dd/yyyy">
                  <c:v>43414</c:v>
                </c:pt>
                <c:pt idx="1263" formatCode="mm/dd/yyyy">
                  <c:v>43417</c:v>
                </c:pt>
                <c:pt idx="1264" formatCode="mm/dd/yyyy">
                  <c:v>43418</c:v>
                </c:pt>
                <c:pt idx="1265" formatCode="mm/dd/yyyy">
                  <c:v>43419</c:v>
                </c:pt>
                <c:pt idx="1266" formatCode="mm/dd/yyyy">
                  <c:v>43420</c:v>
                </c:pt>
                <c:pt idx="1267" formatCode="mm/dd/yyyy">
                  <c:v>43421</c:v>
                </c:pt>
                <c:pt idx="1268" formatCode="mm/dd/yyyy">
                  <c:v>43424</c:v>
                </c:pt>
                <c:pt idx="1269" formatCode="mm/dd/yyyy">
                  <c:v>43425</c:v>
                </c:pt>
                <c:pt idx="1270" formatCode="mm/dd/yyyy">
                  <c:v>43426</c:v>
                </c:pt>
                <c:pt idx="1271" formatCode="mm/dd/yyyy">
                  <c:v>43427</c:v>
                </c:pt>
                <c:pt idx="1272" formatCode="mm/dd/yyyy">
                  <c:v>43428</c:v>
                </c:pt>
                <c:pt idx="1273" formatCode="mm/dd/yyyy">
                  <c:v>43431</c:v>
                </c:pt>
                <c:pt idx="1274" formatCode="mm/dd/yyyy">
                  <c:v>43432</c:v>
                </c:pt>
                <c:pt idx="1275" formatCode="mm/dd/yyyy">
                  <c:v>43433</c:v>
                </c:pt>
                <c:pt idx="1276" formatCode="mm/dd/yyyy">
                  <c:v>43434</c:v>
                </c:pt>
                <c:pt idx="1277" formatCode="mm/dd/yyyy">
                  <c:v>43435</c:v>
                </c:pt>
                <c:pt idx="1278" formatCode="mm/dd/yyyy">
                  <c:v>43438</c:v>
                </c:pt>
                <c:pt idx="1279" formatCode="mm/dd/yyyy">
                  <c:v>43439</c:v>
                </c:pt>
                <c:pt idx="1280" formatCode="mm/dd/yyyy">
                  <c:v>43440</c:v>
                </c:pt>
                <c:pt idx="1281" formatCode="mm/dd/yyyy">
                  <c:v>43441</c:v>
                </c:pt>
                <c:pt idx="1282" formatCode="mm/dd/yyyy">
                  <c:v>43442</c:v>
                </c:pt>
                <c:pt idx="1283" formatCode="mm/dd/yyyy">
                  <c:v>43445</c:v>
                </c:pt>
                <c:pt idx="1284" formatCode="mm/dd/yyyy">
                  <c:v>43446</c:v>
                </c:pt>
                <c:pt idx="1285" formatCode="mm/dd/yyyy">
                  <c:v>43447</c:v>
                </c:pt>
                <c:pt idx="1286" formatCode="mm/dd/yyyy">
                  <c:v>43448</c:v>
                </c:pt>
                <c:pt idx="1287" formatCode="mm/dd/yyyy">
                  <c:v>43449</c:v>
                </c:pt>
                <c:pt idx="1288" formatCode="mm/dd/yyyy">
                  <c:v>43452</c:v>
                </c:pt>
                <c:pt idx="1289" formatCode="mm/dd/yyyy">
                  <c:v>43453</c:v>
                </c:pt>
                <c:pt idx="1290" formatCode="mm/dd/yyyy">
                  <c:v>43454</c:v>
                </c:pt>
                <c:pt idx="1291" formatCode="mm/dd/yyyy">
                  <c:v>43455</c:v>
                </c:pt>
                <c:pt idx="1292" formatCode="mm/dd/yyyy">
                  <c:v>43456</c:v>
                </c:pt>
                <c:pt idx="1293" formatCode="mm/dd/yyyy">
                  <c:v>43459</c:v>
                </c:pt>
                <c:pt idx="1294" formatCode="mm/dd/yyyy">
                  <c:v>43460</c:v>
                </c:pt>
                <c:pt idx="1295" formatCode="mm/dd/yyyy">
                  <c:v>43461</c:v>
                </c:pt>
                <c:pt idx="1296" formatCode="mm/dd/yyyy">
                  <c:v>43462</c:v>
                </c:pt>
                <c:pt idx="1297" formatCode="mm/dd/yyyy">
                  <c:v>43463</c:v>
                </c:pt>
                <c:pt idx="1298" formatCode="mm/dd/yyyy">
                  <c:v>43466</c:v>
                </c:pt>
                <c:pt idx="1299">
                  <c:v>43467</c:v>
                </c:pt>
                <c:pt idx="1300">
                  <c:v>43468</c:v>
                </c:pt>
                <c:pt idx="1301">
                  <c:v>43469</c:v>
                </c:pt>
                <c:pt idx="1302">
                  <c:v>43470</c:v>
                </c:pt>
                <c:pt idx="1303">
                  <c:v>43471</c:v>
                </c:pt>
                <c:pt idx="1304">
                  <c:v>43474</c:v>
                </c:pt>
                <c:pt idx="1305">
                  <c:v>43475</c:v>
                </c:pt>
                <c:pt idx="1306">
                  <c:v>43476</c:v>
                </c:pt>
                <c:pt idx="1307">
                  <c:v>43477</c:v>
                </c:pt>
                <c:pt idx="1308">
                  <c:v>43478</c:v>
                </c:pt>
                <c:pt idx="1309">
                  <c:v>43481</c:v>
                </c:pt>
                <c:pt idx="1310">
                  <c:v>43482</c:v>
                </c:pt>
                <c:pt idx="1311">
                  <c:v>43483</c:v>
                </c:pt>
                <c:pt idx="1312">
                  <c:v>43484</c:v>
                </c:pt>
                <c:pt idx="1313">
                  <c:v>43485</c:v>
                </c:pt>
                <c:pt idx="1314">
                  <c:v>43488</c:v>
                </c:pt>
                <c:pt idx="1315">
                  <c:v>43489</c:v>
                </c:pt>
                <c:pt idx="1316">
                  <c:v>43490</c:v>
                </c:pt>
                <c:pt idx="1317">
                  <c:v>43491</c:v>
                </c:pt>
                <c:pt idx="1318">
                  <c:v>43492</c:v>
                </c:pt>
                <c:pt idx="1319">
                  <c:v>43495</c:v>
                </c:pt>
                <c:pt idx="1320">
                  <c:v>43496</c:v>
                </c:pt>
                <c:pt idx="1321">
                  <c:v>43497</c:v>
                </c:pt>
                <c:pt idx="1322">
                  <c:v>43498</c:v>
                </c:pt>
                <c:pt idx="1323">
                  <c:v>43499</c:v>
                </c:pt>
                <c:pt idx="1324">
                  <c:v>43502</c:v>
                </c:pt>
                <c:pt idx="1325">
                  <c:v>43503</c:v>
                </c:pt>
                <c:pt idx="1326">
                  <c:v>43504</c:v>
                </c:pt>
                <c:pt idx="1327">
                  <c:v>43505</c:v>
                </c:pt>
                <c:pt idx="1328">
                  <c:v>43506</c:v>
                </c:pt>
                <c:pt idx="1329">
                  <c:v>43509</c:v>
                </c:pt>
                <c:pt idx="1330">
                  <c:v>43510</c:v>
                </c:pt>
                <c:pt idx="1331">
                  <c:v>43511</c:v>
                </c:pt>
                <c:pt idx="1332">
                  <c:v>43512</c:v>
                </c:pt>
                <c:pt idx="1333">
                  <c:v>43513</c:v>
                </c:pt>
                <c:pt idx="1334" formatCode="mm/dd/yyyy">
                  <c:v>43516</c:v>
                </c:pt>
                <c:pt idx="1335" formatCode="mm/dd/yyyy">
                  <c:v>43517</c:v>
                </c:pt>
                <c:pt idx="1336" formatCode="mm/dd/yyyy">
                  <c:v>43518</c:v>
                </c:pt>
                <c:pt idx="1337" formatCode="mm/dd/yyyy">
                  <c:v>43519</c:v>
                </c:pt>
                <c:pt idx="1338" formatCode="mm/dd/yyyy">
                  <c:v>43520</c:v>
                </c:pt>
                <c:pt idx="1339" formatCode="mm/dd/yyyy">
                  <c:v>43523</c:v>
                </c:pt>
                <c:pt idx="1340" formatCode="mm/dd/yyyy">
                  <c:v>43524</c:v>
                </c:pt>
                <c:pt idx="1341" formatCode="mm/dd/yyyy">
                  <c:v>43525</c:v>
                </c:pt>
                <c:pt idx="1342" formatCode="mm/dd/yyyy">
                  <c:v>43526</c:v>
                </c:pt>
                <c:pt idx="1343" formatCode="mm/dd/yyyy">
                  <c:v>43527</c:v>
                </c:pt>
                <c:pt idx="1344" formatCode="mm/dd/yyyy">
                  <c:v>43530</c:v>
                </c:pt>
                <c:pt idx="1345" formatCode="mm/dd/yyyy">
                  <c:v>43531</c:v>
                </c:pt>
                <c:pt idx="1346" formatCode="mm/dd/yyyy">
                  <c:v>43532</c:v>
                </c:pt>
                <c:pt idx="1347" formatCode="mm/dd/yyyy">
                  <c:v>43533</c:v>
                </c:pt>
                <c:pt idx="1348" formatCode="mm/dd/yyyy">
                  <c:v>43534</c:v>
                </c:pt>
                <c:pt idx="1349" formatCode="mm/dd/yyyy">
                  <c:v>43537</c:v>
                </c:pt>
                <c:pt idx="1350" formatCode="mm/dd/yyyy">
                  <c:v>43538</c:v>
                </c:pt>
                <c:pt idx="1351" formatCode="mm/dd/yyyy">
                  <c:v>43539</c:v>
                </c:pt>
                <c:pt idx="1352" formatCode="mm/dd/yyyy">
                  <c:v>43540</c:v>
                </c:pt>
                <c:pt idx="1353" formatCode="mm/dd/yyyy">
                  <c:v>43541</c:v>
                </c:pt>
                <c:pt idx="1354" formatCode="mm/dd/yyyy">
                  <c:v>43544</c:v>
                </c:pt>
                <c:pt idx="1355" formatCode="mm/dd/yyyy">
                  <c:v>43545</c:v>
                </c:pt>
                <c:pt idx="1356" formatCode="mm/dd/yyyy">
                  <c:v>43546</c:v>
                </c:pt>
                <c:pt idx="1357" formatCode="mm/dd/yyyy">
                  <c:v>43547</c:v>
                </c:pt>
                <c:pt idx="1358" formatCode="mm/dd/yyyy">
                  <c:v>43548</c:v>
                </c:pt>
                <c:pt idx="1359" formatCode="mm/dd/yyyy">
                  <c:v>43551</c:v>
                </c:pt>
                <c:pt idx="1360" formatCode="mm/dd/yyyy">
                  <c:v>43552</c:v>
                </c:pt>
                <c:pt idx="1361" formatCode="mm/dd/yyyy">
                  <c:v>43553</c:v>
                </c:pt>
                <c:pt idx="1362" formatCode="mm/dd/yyyy">
                  <c:v>43554</c:v>
                </c:pt>
                <c:pt idx="1363" formatCode="mm/dd/yyyy">
                  <c:v>43555</c:v>
                </c:pt>
                <c:pt idx="1364" formatCode="mm/dd/yyyy">
                  <c:v>43558</c:v>
                </c:pt>
                <c:pt idx="1365" formatCode="mm/dd/yyyy">
                  <c:v>43559</c:v>
                </c:pt>
                <c:pt idx="1366" formatCode="mm/dd/yyyy">
                  <c:v>43560</c:v>
                </c:pt>
                <c:pt idx="1367" formatCode="mm/dd/yyyy">
                  <c:v>43561</c:v>
                </c:pt>
                <c:pt idx="1368" formatCode="mm/dd/yyyy">
                  <c:v>43562</c:v>
                </c:pt>
                <c:pt idx="1369" formatCode="mm/dd/yyyy">
                  <c:v>43565</c:v>
                </c:pt>
                <c:pt idx="1370" formatCode="mm/dd/yyyy">
                  <c:v>43566</c:v>
                </c:pt>
                <c:pt idx="1371" formatCode="mm/dd/yyyy">
                  <c:v>43567</c:v>
                </c:pt>
                <c:pt idx="1372" formatCode="mm/dd/yyyy">
                  <c:v>43568</c:v>
                </c:pt>
                <c:pt idx="1373" formatCode="mm/dd/yyyy">
                  <c:v>43572</c:v>
                </c:pt>
                <c:pt idx="1374" formatCode="mm/dd/yyyy">
                  <c:v>43573</c:v>
                </c:pt>
                <c:pt idx="1375" formatCode="mm/dd/yyyy">
                  <c:v>43574</c:v>
                </c:pt>
                <c:pt idx="1376" formatCode="mm/dd/yyyy">
                  <c:v>43575</c:v>
                </c:pt>
                <c:pt idx="1377" formatCode="mm/dd/yyyy">
                  <c:v>43576</c:v>
                </c:pt>
                <c:pt idx="1378" formatCode="mm/dd/yyyy">
                  <c:v>43579</c:v>
                </c:pt>
                <c:pt idx="1379" formatCode="mm/dd/yyyy">
                  <c:v>43580</c:v>
                </c:pt>
                <c:pt idx="1380" formatCode="mm/dd/yyyy">
                  <c:v>43581</c:v>
                </c:pt>
                <c:pt idx="1381" formatCode="mm/dd/yyyy">
                  <c:v>43582</c:v>
                </c:pt>
                <c:pt idx="1382" formatCode="mm/dd/yyyy">
                  <c:v>43583</c:v>
                </c:pt>
                <c:pt idx="1383" formatCode="mm/dd/yyyy">
                  <c:v>43586</c:v>
                </c:pt>
                <c:pt idx="1384" formatCode="mm/dd/yyyy">
                  <c:v>43587</c:v>
                </c:pt>
                <c:pt idx="1385" formatCode="mm/dd/yyyy">
                  <c:v>43588</c:v>
                </c:pt>
                <c:pt idx="1386" formatCode="mm/dd/yyyy">
                  <c:v>43589</c:v>
                </c:pt>
                <c:pt idx="1387" formatCode="mm/dd/yyyy">
                  <c:v>43590</c:v>
                </c:pt>
                <c:pt idx="1388" formatCode="mm/dd/yyyy">
                  <c:v>43593</c:v>
                </c:pt>
                <c:pt idx="1389" formatCode="mm/dd/yyyy">
                  <c:v>43594</c:v>
                </c:pt>
                <c:pt idx="1390" formatCode="mm/dd/yyyy">
                  <c:v>43595</c:v>
                </c:pt>
                <c:pt idx="1391" formatCode="mm/dd/yyyy">
                  <c:v>43596</c:v>
                </c:pt>
                <c:pt idx="1392" formatCode="mm/dd/yyyy">
                  <c:v>43597</c:v>
                </c:pt>
                <c:pt idx="1393" formatCode="mm/dd/yyyy">
                  <c:v>43600</c:v>
                </c:pt>
                <c:pt idx="1394" formatCode="mm/dd/yyyy">
                  <c:v>43601</c:v>
                </c:pt>
                <c:pt idx="1395" formatCode="mm/dd/yyyy">
                  <c:v>43602</c:v>
                </c:pt>
                <c:pt idx="1396" formatCode="mm/dd/yyyy">
                  <c:v>43603</c:v>
                </c:pt>
                <c:pt idx="1397" formatCode="mm/dd/yyyy">
                  <c:v>43604</c:v>
                </c:pt>
                <c:pt idx="1398" formatCode="mm/dd/yyyy">
                  <c:v>43607</c:v>
                </c:pt>
                <c:pt idx="1399" formatCode="mm/dd/yyyy">
                  <c:v>43608</c:v>
                </c:pt>
                <c:pt idx="1400" formatCode="mm/dd/yyyy">
                  <c:v>43609</c:v>
                </c:pt>
                <c:pt idx="1401" formatCode="mm/dd/yyyy">
                  <c:v>43610</c:v>
                </c:pt>
                <c:pt idx="1402" formatCode="mm/dd/yyyy">
                  <c:v>43611</c:v>
                </c:pt>
                <c:pt idx="1403" formatCode="mm/dd/yyyy">
                  <c:v>43614</c:v>
                </c:pt>
                <c:pt idx="1404" formatCode="mm/dd/yyyy">
                  <c:v>43615</c:v>
                </c:pt>
                <c:pt idx="1405" formatCode="mm/dd/yyyy">
                  <c:v>43616</c:v>
                </c:pt>
                <c:pt idx="1406" formatCode="mm/dd/yyyy">
                  <c:v>43617</c:v>
                </c:pt>
                <c:pt idx="1407" formatCode="mm/dd/yyyy">
                  <c:v>43618</c:v>
                </c:pt>
                <c:pt idx="1408" formatCode="mm/dd/yyyy">
                  <c:v>43621</c:v>
                </c:pt>
                <c:pt idx="1409" formatCode="mm/dd/yyyy">
                  <c:v>43622</c:v>
                </c:pt>
                <c:pt idx="1410" formatCode="mm/dd/yyyy">
                  <c:v>43623</c:v>
                </c:pt>
                <c:pt idx="1411" formatCode="mm/dd/yyyy">
                  <c:v>43624</c:v>
                </c:pt>
                <c:pt idx="1412" formatCode="mm/dd/yyyy">
                  <c:v>43625</c:v>
                </c:pt>
                <c:pt idx="1413" formatCode="mm/dd/yyyy">
                  <c:v>43628</c:v>
                </c:pt>
                <c:pt idx="1414" formatCode="mm/dd/yyyy">
                  <c:v>43629</c:v>
                </c:pt>
                <c:pt idx="1415" formatCode="mm/dd/yyyy">
                  <c:v>43630</c:v>
                </c:pt>
                <c:pt idx="1416" formatCode="mm/dd/yyyy">
                  <c:v>43631</c:v>
                </c:pt>
                <c:pt idx="1417" formatCode="mm/dd/yyyy">
                  <c:v>43632</c:v>
                </c:pt>
                <c:pt idx="1418" formatCode="mm/dd/yyyy">
                  <c:v>43635</c:v>
                </c:pt>
                <c:pt idx="1419" formatCode="mm/dd/yyyy">
                  <c:v>43636</c:v>
                </c:pt>
                <c:pt idx="1420" formatCode="mm/dd/yyyy">
                  <c:v>43637</c:v>
                </c:pt>
                <c:pt idx="1421" formatCode="mm/dd/yyyy">
                  <c:v>43638</c:v>
                </c:pt>
                <c:pt idx="1422" formatCode="mm/dd/yyyy">
                  <c:v>43639</c:v>
                </c:pt>
                <c:pt idx="1423" formatCode="mm/dd/yyyy">
                  <c:v>43642</c:v>
                </c:pt>
                <c:pt idx="1424" formatCode="mm/dd/yyyy">
                  <c:v>43643</c:v>
                </c:pt>
                <c:pt idx="1425" formatCode="mm/dd/yyyy">
                  <c:v>43644</c:v>
                </c:pt>
                <c:pt idx="1426" formatCode="mm/dd/yyyy">
                  <c:v>43645</c:v>
                </c:pt>
                <c:pt idx="1427" formatCode="mm/dd/yyyy">
                  <c:v>43646</c:v>
                </c:pt>
                <c:pt idx="1428" formatCode="mm/dd/yyyy">
                  <c:v>43649</c:v>
                </c:pt>
                <c:pt idx="1429" formatCode="mm/dd/yyyy">
                  <c:v>43650</c:v>
                </c:pt>
                <c:pt idx="1430" formatCode="mm/dd/yyyy">
                  <c:v>43651</c:v>
                </c:pt>
                <c:pt idx="1431" formatCode="mm/dd/yyyy">
                  <c:v>43652</c:v>
                </c:pt>
                <c:pt idx="1432" formatCode="mm/dd/yyyy">
                  <c:v>43653</c:v>
                </c:pt>
                <c:pt idx="1433" formatCode="mm/dd/yyyy">
                  <c:v>43656</c:v>
                </c:pt>
                <c:pt idx="1434" formatCode="mm/dd/yyyy">
                  <c:v>43657</c:v>
                </c:pt>
                <c:pt idx="1435" formatCode="mm/dd/yyyy">
                  <c:v>43658</c:v>
                </c:pt>
                <c:pt idx="1436" formatCode="mm/dd/yyyy">
                  <c:v>43659</c:v>
                </c:pt>
                <c:pt idx="1437" formatCode="mm/dd/yyyy">
                  <c:v>43660</c:v>
                </c:pt>
                <c:pt idx="1438" formatCode="mm/dd/yyyy">
                  <c:v>43663</c:v>
                </c:pt>
                <c:pt idx="1439" formatCode="mm/dd/yyyy">
                  <c:v>43664</c:v>
                </c:pt>
                <c:pt idx="1440" formatCode="mm/dd/yyyy">
                  <c:v>43665</c:v>
                </c:pt>
                <c:pt idx="1441" formatCode="mm/dd/yyyy">
                  <c:v>43666</c:v>
                </c:pt>
                <c:pt idx="1442" formatCode="mm/dd/yyyy">
                  <c:v>43667</c:v>
                </c:pt>
                <c:pt idx="1443" formatCode="mm/dd/yyyy">
                  <c:v>43670</c:v>
                </c:pt>
                <c:pt idx="1444" formatCode="mm/dd/yyyy">
                  <c:v>43671</c:v>
                </c:pt>
                <c:pt idx="1445" formatCode="mm/dd/yyyy">
                  <c:v>43672</c:v>
                </c:pt>
                <c:pt idx="1446" formatCode="mm/dd/yyyy">
                  <c:v>43673</c:v>
                </c:pt>
                <c:pt idx="1447" formatCode="mm/dd/yyyy">
                  <c:v>43674</c:v>
                </c:pt>
                <c:pt idx="1448" formatCode="mm/dd/yyyy">
                  <c:v>43677</c:v>
                </c:pt>
                <c:pt idx="1449" formatCode="mm/dd/yyyy">
                  <c:v>43678</c:v>
                </c:pt>
                <c:pt idx="1450" formatCode="mm/dd/yyyy">
                  <c:v>43679</c:v>
                </c:pt>
                <c:pt idx="1451" formatCode="mm/dd/yyyy">
                  <c:v>43680</c:v>
                </c:pt>
                <c:pt idx="1452" formatCode="mm/dd/yyyy">
                  <c:v>43681</c:v>
                </c:pt>
                <c:pt idx="1453" formatCode="mm/dd/yyyy">
                  <c:v>43684</c:v>
                </c:pt>
                <c:pt idx="1454" formatCode="mm/dd/yyyy">
                  <c:v>43685</c:v>
                </c:pt>
                <c:pt idx="1455" formatCode="mm/dd/yyyy">
                  <c:v>43686</c:v>
                </c:pt>
                <c:pt idx="1456" formatCode="mm/dd/yyyy">
                  <c:v>43687</c:v>
                </c:pt>
                <c:pt idx="1457" formatCode="mm/dd/yyyy">
                  <c:v>43688</c:v>
                </c:pt>
                <c:pt idx="1458" formatCode="mm/dd/yyyy">
                  <c:v>43691</c:v>
                </c:pt>
                <c:pt idx="1459" formatCode="mm/dd/yyyy">
                  <c:v>43692</c:v>
                </c:pt>
                <c:pt idx="1460" formatCode="mm/dd/yyyy">
                  <c:v>43693</c:v>
                </c:pt>
                <c:pt idx="1461" formatCode="mm/dd/yyyy">
                  <c:v>43694</c:v>
                </c:pt>
                <c:pt idx="1462" formatCode="mm/dd/yyyy">
                  <c:v>43695</c:v>
                </c:pt>
                <c:pt idx="1463" formatCode="mm/dd/yyyy">
                  <c:v>43698</c:v>
                </c:pt>
                <c:pt idx="1464" formatCode="mm/dd/yyyy">
                  <c:v>43699</c:v>
                </c:pt>
                <c:pt idx="1465" formatCode="mm/dd/yyyy">
                  <c:v>43700</c:v>
                </c:pt>
                <c:pt idx="1466" formatCode="mm/dd/yyyy">
                  <c:v>43701</c:v>
                </c:pt>
                <c:pt idx="1467" formatCode="mm/dd/yyyy">
                  <c:v>43702</c:v>
                </c:pt>
                <c:pt idx="1468" formatCode="mm/dd/yyyy">
                  <c:v>43705</c:v>
                </c:pt>
                <c:pt idx="1469" formatCode="mm/dd/yyyy">
                  <c:v>43706</c:v>
                </c:pt>
                <c:pt idx="1470" formatCode="mm/dd/yyyy">
                  <c:v>43707</c:v>
                </c:pt>
                <c:pt idx="1471" formatCode="mm/dd/yyyy">
                  <c:v>43708</c:v>
                </c:pt>
                <c:pt idx="1472" formatCode="mm/dd/yyyy">
                  <c:v>43709</c:v>
                </c:pt>
                <c:pt idx="1473" formatCode="mm/dd/yyyy">
                  <c:v>43712</c:v>
                </c:pt>
                <c:pt idx="1474" formatCode="mm/dd/yyyy">
                  <c:v>43713</c:v>
                </c:pt>
                <c:pt idx="1475" formatCode="mm/dd/yyyy">
                  <c:v>43714</c:v>
                </c:pt>
                <c:pt idx="1476" formatCode="mm/dd/yyyy">
                  <c:v>43715</c:v>
                </c:pt>
                <c:pt idx="1477" formatCode="mm/dd/yyyy">
                  <c:v>43716</c:v>
                </c:pt>
                <c:pt idx="1478" formatCode="mm/dd/yyyy">
                  <c:v>43719</c:v>
                </c:pt>
                <c:pt idx="1479" formatCode="mm/dd/yyyy">
                  <c:v>43720</c:v>
                </c:pt>
                <c:pt idx="1480" formatCode="mm/dd/yyyy">
                  <c:v>43721</c:v>
                </c:pt>
                <c:pt idx="1481" formatCode="mm/dd/yyyy">
                  <c:v>43722</c:v>
                </c:pt>
                <c:pt idx="1482" formatCode="mm/dd/yyyy">
                  <c:v>43723</c:v>
                </c:pt>
                <c:pt idx="1483" formatCode="mm/dd/yyyy">
                  <c:v>43726</c:v>
                </c:pt>
                <c:pt idx="1484" formatCode="mm/dd/yyyy">
                  <c:v>43727</c:v>
                </c:pt>
                <c:pt idx="1485" formatCode="mm/dd/yyyy">
                  <c:v>43728</c:v>
                </c:pt>
                <c:pt idx="1486" formatCode="mm/dd/yyyy">
                  <c:v>43729</c:v>
                </c:pt>
                <c:pt idx="1487" formatCode="mm/dd/yyyy">
                  <c:v>43730</c:v>
                </c:pt>
                <c:pt idx="1488" formatCode="mm/dd/yyyy">
                  <c:v>43733</c:v>
                </c:pt>
                <c:pt idx="1489" formatCode="mm/dd/yyyy">
                  <c:v>43734</c:v>
                </c:pt>
                <c:pt idx="1490" formatCode="mm/dd/yyyy">
                  <c:v>43735</c:v>
                </c:pt>
                <c:pt idx="1491" formatCode="mm/dd/yyyy">
                  <c:v>43736</c:v>
                </c:pt>
                <c:pt idx="1492" formatCode="mm/dd/yyyy">
                  <c:v>43737</c:v>
                </c:pt>
                <c:pt idx="1493" formatCode="mm/dd/yyyy">
                  <c:v>43740</c:v>
                </c:pt>
                <c:pt idx="1494" formatCode="mm/dd/yyyy">
                  <c:v>43741</c:v>
                </c:pt>
                <c:pt idx="1495" formatCode="mm/dd/yyyy">
                  <c:v>43742</c:v>
                </c:pt>
                <c:pt idx="1496" formatCode="mm/dd/yyyy">
                  <c:v>43743</c:v>
                </c:pt>
                <c:pt idx="1497" formatCode="mm/dd/yyyy">
                  <c:v>43744</c:v>
                </c:pt>
                <c:pt idx="1498" formatCode="mm/dd/yyyy">
                  <c:v>43747</c:v>
                </c:pt>
                <c:pt idx="1499" formatCode="mm/dd/yyyy">
                  <c:v>43748</c:v>
                </c:pt>
                <c:pt idx="1500" formatCode="mm/dd/yyyy">
                  <c:v>43749</c:v>
                </c:pt>
                <c:pt idx="1501" formatCode="mm/dd/yyyy">
                  <c:v>43750</c:v>
                </c:pt>
                <c:pt idx="1502" formatCode="mm/dd/yyyy">
                  <c:v>43751</c:v>
                </c:pt>
                <c:pt idx="1503" formatCode="mm/dd/yyyy">
                  <c:v>43754</c:v>
                </c:pt>
                <c:pt idx="1504" formatCode="mm/dd/yyyy">
                  <c:v>43755</c:v>
                </c:pt>
                <c:pt idx="1505" formatCode="mm/dd/yyyy">
                  <c:v>43756</c:v>
                </c:pt>
                <c:pt idx="1506" formatCode="mm/dd/yyyy">
                  <c:v>43757</c:v>
                </c:pt>
                <c:pt idx="1507" formatCode="mm/dd/yyyy">
                  <c:v>43758</c:v>
                </c:pt>
                <c:pt idx="1508" formatCode="mm/dd/yyyy">
                  <c:v>43761</c:v>
                </c:pt>
                <c:pt idx="1509" formatCode="mm/dd/yyyy">
                  <c:v>43762</c:v>
                </c:pt>
                <c:pt idx="1510" formatCode="mm/dd/yyyy">
                  <c:v>43763</c:v>
                </c:pt>
                <c:pt idx="1511" formatCode="mm/dd/yyyy">
                  <c:v>43764</c:v>
                </c:pt>
                <c:pt idx="1512" formatCode="mm/dd/yyyy">
                  <c:v>43765</c:v>
                </c:pt>
                <c:pt idx="1513" formatCode="mm/dd/yyyy">
                  <c:v>43768</c:v>
                </c:pt>
                <c:pt idx="1514" formatCode="mm/dd/yyyy">
                  <c:v>43769</c:v>
                </c:pt>
                <c:pt idx="1515" formatCode="mm/dd/yyyy">
                  <c:v>43770</c:v>
                </c:pt>
                <c:pt idx="1516" formatCode="mm/dd/yyyy">
                  <c:v>43771</c:v>
                </c:pt>
                <c:pt idx="1517" formatCode="mm/dd/yyyy">
                  <c:v>43772</c:v>
                </c:pt>
                <c:pt idx="1518" formatCode="mm/dd/yyyy">
                  <c:v>43775</c:v>
                </c:pt>
                <c:pt idx="1519" formatCode="mm/dd/yyyy">
                  <c:v>43776</c:v>
                </c:pt>
                <c:pt idx="1520" formatCode="mm/dd/yyyy">
                  <c:v>43777</c:v>
                </c:pt>
                <c:pt idx="1521" formatCode="mm/dd/yyyy">
                  <c:v>43778</c:v>
                </c:pt>
                <c:pt idx="1522" formatCode="mm/dd/yyyy">
                  <c:v>43779</c:v>
                </c:pt>
                <c:pt idx="1523" formatCode="mm/dd/yyyy">
                  <c:v>43782</c:v>
                </c:pt>
                <c:pt idx="1524" formatCode="mm/dd/yyyy">
                  <c:v>43783</c:v>
                </c:pt>
                <c:pt idx="1525" formatCode="mm/dd/yyyy">
                  <c:v>43784</c:v>
                </c:pt>
                <c:pt idx="1526" formatCode="mm/dd/yyyy">
                  <c:v>43785</c:v>
                </c:pt>
                <c:pt idx="1527" formatCode="mm/dd/yyyy">
                  <c:v>43786</c:v>
                </c:pt>
                <c:pt idx="1528" formatCode="mm/dd/yyyy">
                  <c:v>43789</c:v>
                </c:pt>
                <c:pt idx="1529" formatCode="mm/dd/yyyy">
                  <c:v>43790</c:v>
                </c:pt>
                <c:pt idx="1530" formatCode="mm/dd/yyyy">
                  <c:v>43791</c:v>
                </c:pt>
                <c:pt idx="1531" formatCode="mm/dd/yyyy">
                  <c:v>43792</c:v>
                </c:pt>
                <c:pt idx="1532" formatCode="mm/dd/yyyy">
                  <c:v>43793</c:v>
                </c:pt>
                <c:pt idx="1533" formatCode="mm/dd/yyyy">
                  <c:v>43796</c:v>
                </c:pt>
                <c:pt idx="1534" formatCode="mm/dd/yyyy">
                  <c:v>43797</c:v>
                </c:pt>
                <c:pt idx="1535" formatCode="mm/dd/yyyy">
                  <c:v>43798</c:v>
                </c:pt>
                <c:pt idx="1536" formatCode="mm/dd/yyyy">
                  <c:v>43799</c:v>
                </c:pt>
                <c:pt idx="1537" formatCode="mm/dd/yyyy">
                  <c:v>43800</c:v>
                </c:pt>
                <c:pt idx="1538" formatCode="mm/dd/yyyy">
                  <c:v>43803</c:v>
                </c:pt>
                <c:pt idx="1539" formatCode="mm/dd/yyyy">
                  <c:v>43804</c:v>
                </c:pt>
                <c:pt idx="1540" formatCode="mm/dd/yyyy">
                  <c:v>43805</c:v>
                </c:pt>
                <c:pt idx="1541" formatCode="mm/dd/yyyy">
                  <c:v>43806</c:v>
                </c:pt>
                <c:pt idx="1542" formatCode="mm/dd/yyyy">
                  <c:v>43807</c:v>
                </c:pt>
                <c:pt idx="1543" formatCode="mm/dd/yyyy">
                  <c:v>43810</c:v>
                </c:pt>
                <c:pt idx="1544" formatCode="mm/dd/yyyy">
                  <c:v>43811</c:v>
                </c:pt>
                <c:pt idx="1545" formatCode="mm/dd/yyyy">
                  <c:v>43812</c:v>
                </c:pt>
                <c:pt idx="1546" formatCode="mm/dd/yyyy">
                  <c:v>43813</c:v>
                </c:pt>
                <c:pt idx="1547" formatCode="mm/dd/yyyy">
                  <c:v>43814</c:v>
                </c:pt>
                <c:pt idx="1548" formatCode="mm/dd/yyyy">
                  <c:v>43817</c:v>
                </c:pt>
                <c:pt idx="1549" formatCode="mm/dd/yyyy">
                  <c:v>43818</c:v>
                </c:pt>
                <c:pt idx="1550" formatCode="mm/dd/yyyy">
                  <c:v>43819</c:v>
                </c:pt>
                <c:pt idx="1551" formatCode="mm/dd/yyyy">
                  <c:v>43820</c:v>
                </c:pt>
                <c:pt idx="1552" formatCode="mm/dd/yyyy">
                  <c:v>43821</c:v>
                </c:pt>
                <c:pt idx="1553" formatCode="mm/dd/yyyy">
                  <c:v>43824</c:v>
                </c:pt>
                <c:pt idx="1554" formatCode="mm/dd/yyyy">
                  <c:v>43825</c:v>
                </c:pt>
                <c:pt idx="1555" formatCode="mm/dd/yyyy">
                  <c:v>43826</c:v>
                </c:pt>
                <c:pt idx="1556" formatCode="mm/dd/yyyy">
                  <c:v>43827</c:v>
                </c:pt>
                <c:pt idx="1557" formatCode="mm/dd/yyyy">
                  <c:v>43828</c:v>
                </c:pt>
              </c:numCache>
            </c:numRef>
          </c:cat>
          <c:val>
            <c:numRef>
              <c:f>'1 spot crude'!$C$4:$C$1561</c:f>
              <c:numCache>
                <c:formatCode>_(* #,##0.00_);_(* \(#,##0.00\);_(* "-"??_);_(@_)</c:formatCode>
                <c:ptCount val="1558"/>
                <c:pt idx="0">
                  <c:v>107.53</c:v>
                </c:pt>
                <c:pt idx="1">
                  <c:v>106.5</c:v>
                </c:pt>
                <c:pt idx="2">
                  <c:v>106.71</c:v>
                </c:pt>
                <c:pt idx="3">
                  <c:v>107.04</c:v>
                </c:pt>
                <c:pt idx="4">
                  <c:v>106.93</c:v>
                </c:pt>
                <c:pt idx="5">
                  <c:v>106.18</c:v>
                </c:pt>
                <c:pt idx="6">
                  <c:v>107.05</c:v>
                </c:pt>
                <c:pt idx="7">
                  <c:v>105.9</c:v>
                </c:pt>
                <c:pt idx="8">
                  <c:v>105.85</c:v>
                </c:pt>
                <c:pt idx="9">
                  <c:v>106.46</c:v>
                </c:pt>
                <c:pt idx="10">
                  <c:v>105.86</c:v>
                </c:pt>
                <c:pt idx="11">
                  <c:v>106.8</c:v>
                </c:pt>
                <c:pt idx="12">
                  <c:v>107.31</c:v>
                </c:pt>
                <c:pt idx="13">
                  <c:v>108.29</c:v>
                </c:pt>
                <c:pt idx="14">
                  <c:v>109.53</c:v>
                </c:pt>
                <c:pt idx="15">
                  <c:v>109.16</c:v>
                </c:pt>
                <c:pt idx="16">
                  <c:v>109.15</c:v>
                </c:pt>
                <c:pt idx="17">
                  <c:v>108.5</c:v>
                </c:pt>
                <c:pt idx="18">
                  <c:v>108.42</c:v>
                </c:pt>
                <c:pt idx="19">
                  <c:v>108.44</c:v>
                </c:pt>
                <c:pt idx="20">
                  <c:v>108.49</c:v>
                </c:pt>
                <c:pt idx="21">
                  <c:v>107.2</c:v>
                </c:pt>
                <c:pt idx="22">
                  <c:v>105.85</c:v>
                </c:pt>
                <c:pt idx="23">
                  <c:v>106.01</c:v>
                </c:pt>
                <c:pt idx="24">
                  <c:v>106.08</c:v>
                </c:pt>
                <c:pt idx="25">
                  <c:v>107.15</c:v>
                </c:pt>
                <c:pt idx="26">
                  <c:v>109.17</c:v>
                </c:pt>
                <c:pt idx="27">
                  <c:v>108.13</c:v>
                </c:pt>
                <c:pt idx="28">
                  <c:v>108.54</c:v>
                </c:pt>
                <c:pt idx="29">
                  <c:v>108.35</c:v>
                </c:pt>
                <c:pt idx="30">
                  <c:v>109.24</c:v>
                </c:pt>
                <c:pt idx="31">
                  <c:v>109.07</c:v>
                </c:pt>
                <c:pt idx="32">
                  <c:v>108.97</c:v>
                </c:pt>
                <c:pt idx="33">
                  <c:v>110.79</c:v>
                </c:pt>
                <c:pt idx="34">
                  <c:v>110.58</c:v>
                </c:pt>
                <c:pt idx="35">
                  <c:v>110.48</c:v>
                </c:pt>
                <c:pt idx="36">
                  <c:v>109.71</c:v>
                </c:pt>
                <c:pt idx="37">
                  <c:v>110.67</c:v>
                </c:pt>
                <c:pt idx="38">
                  <c:v>109.64</c:v>
                </c:pt>
                <c:pt idx="39">
                  <c:v>109.55</c:v>
                </c:pt>
                <c:pt idx="40">
                  <c:v>108.96</c:v>
                </c:pt>
                <c:pt idx="41">
                  <c:v>109.3</c:v>
                </c:pt>
                <c:pt idx="42">
                  <c:v>110.94</c:v>
                </c:pt>
                <c:pt idx="43">
                  <c:v>109</c:v>
                </c:pt>
                <c:pt idx="44">
                  <c:v>107.46</c:v>
                </c:pt>
                <c:pt idx="45">
                  <c:v>108.11</c:v>
                </c:pt>
                <c:pt idx="46">
                  <c:v>108.58</c:v>
                </c:pt>
                <c:pt idx="47">
                  <c:v>107.61</c:v>
                </c:pt>
                <c:pt idx="48">
                  <c:v>108.01</c:v>
                </c:pt>
                <c:pt idx="49">
                  <c:v>107.84</c:v>
                </c:pt>
                <c:pt idx="50">
                  <c:v>107.19</c:v>
                </c:pt>
                <c:pt idx="51">
                  <c:v>108.38</c:v>
                </c:pt>
                <c:pt idx="52">
                  <c:v>106.34</c:v>
                </c:pt>
                <c:pt idx="53">
                  <c:v>106.46</c:v>
                </c:pt>
                <c:pt idx="54">
                  <c:v>105.77</c:v>
                </c:pt>
                <c:pt idx="55">
                  <c:v>106.08</c:v>
                </c:pt>
                <c:pt idx="56">
                  <c:v>106.92</c:v>
                </c:pt>
                <c:pt idx="57">
                  <c:v>106.33</c:v>
                </c:pt>
                <c:pt idx="58">
                  <c:v>106.59</c:v>
                </c:pt>
                <c:pt idx="59">
                  <c:v>106.62</c:v>
                </c:pt>
                <c:pt idx="60">
                  <c:v>107.04</c:v>
                </c:pt>
                <c:pt idx="61">
                  <c:v>107.27</c:v>
                </c:pt>
                <c:pt idx="62">
                  <c:v>106.98</c:v>
                </c:pt>
                <c:pt idx="63">
                  <c:v>104.54</c:v>
                </c:pt>
                <c:pt idx="64">
                  <c:v>103.95</c:v>
                </c:pt>
                <c:pt idx="65">
                  <c:v>105.23</c:v>
                </c:pt>
                <c:pt idx="66">
                  <c:v>106.03</c:v>
                </c:pt>
                <c:pt idx="67">
                  <c:v>105.45</c:v>
                </c:pt>
                <c:pt idx="68">
                  <c:v>106.76</c:v>
                </c:pt>
                <c:pt idx="69">
                  <c:v>107.33</c:v>
                </c:pt>
                <c:pt idx="70">
                  <c:v>106.88</c:v>
                </c:pt>
                <c:pt idx="71">
                  <c:v>106.51</c:v>
                </c:pt>
                <c:pt idx="72">
                  <c:v>108.4</c:v>
                </c:pt>
                <c:pt idx="73">
                  <c:v>108.77</c:v>
                </c:pt>
                <c:pt idx="74">
                  <c:v>109.47</c:v>
                </c:pt>
                <c:pt idx="75">
                  <c:v>109.71</c:v>
                </c:pt>
                <c:pt idx="76">
                  <c:v>109.98</c:v>
                </c:pt>
                <c:pt idx="77">
                  <c:v>109.41</c:v>
                </c:pt>
                <c:pt idx="78">
                  <c:v>109.02</c:v>
                </c:pt>
                <c:pt idx="79">
                  <c:v>110.26</c:v>
                </c:pt>
                <c:pt idx="80">
                  <c:v>109.39</c:v>
                </c:pt>
                <c:pt idx="81">
                  <c:v>108.4</c:v>
                </c:pt>
                <c:pt idx="82">
                  <c:v>109.41</c:v>
                </c:pt>
                <c:pt idx="83">
                  <c:v>108.65</c:v>
                </c:pt>
                <c:pt idx="84">
                  <c:v>107.51</c:v>
                </c:pt>
                <c:pt idx="85">
                  <c:v>108.74</c:v>
                </c:pt>
                <c:pt idx="86">
                  <c:v>107.34</c:v>
                </c:pt>
                <c:pt idx="87">
                  <c:v>107.2</c:v>
                </c:pt>
                <c:pt idx="88">
                  <c:v>107.88</c:v>
                </c:pt>
                <c:pt idx="89">
                  <c:v>107.67</c:v>
                </c:pt>
                <c:pt idx="90">
                  <c:v>107.67</c:v>
                </c:pt>
                <c:pt idx="91">
                  <c:v>108.2</c:v>
                </c:pt>
                <c:pt idx="92">
                  <c:v>108.85</c:v>
                </c:pt>
                <c:pt idx="93">
                  <c:v>109.56</c:v>
                </c:pt>
                <c:pt idx="94">
                  <c:v>109.7</c:v>
                </c:pt>
                <c:pt idx="95">
                  <c:v>110.27</c:v>
                </c:pt>
                <c:pt idx="96">
                  <c:v>110.71</c:v>
                </c:pt>
                <c:pt idx="97">
                  <c:v>111.18</c:v>
                </c:pt>
                <c:pt idx="98">
                  <c:v>111.79</c:v>
                </c:pt>
                <c:pt idx="99">
                  <c:v>111.63</c:v>
                </c:pt>
                <c:pt idx="100">
                  <c:v>111.7</c:v>
                </c:pt>
                <c:pt idx="101">
                  <c:v>111.3</c:v>
                </c:pt>
                <c:pt idx="102">
                  <c:v>111.28</c:v>
                </c:pt>
                <c:pt idx="103">
                  <c:v>110.96</c:v>
                </c:pt>
                <c:pt idx="104">
                  <c:v>111.07</c:v>
                </c:pt>
                <c:pt idx="105">
                  <c:v>110.66</c:v>
                </c:pt>
                <c:pt idx="106">
                  <c:v>109.29</c:v>
                </c:pt>
                <c:pt idx="107">
                  <c:v>109.2</c:v>
                </c:pt>
                <c:pt idx="108">
                  <c:v>108.12</c:v>
                </c:pt>
                <c:pt idx="109">
                  <c:v>109.19</c:v>
                </c:pt>
                <c:pt idx="110">
                  <c:v>109.1</c:v>
                </c:pt>
                <c:pt idx="111">
                  <c:v>110.19</c:v>
                </c:pt>
                <c:pt idx="112">
                  <c:v>109.6</c:v>
                </c:pt>
                <c:pt idx="113">
                  <c:v>110.44</c:v>
                </c:pt>
                <c:pt idx="114">
                  <c:v>112.6</c:v>
                </c:pt>
                <c:pt idx="115">
                  <c:v>112.66</c:v>
                </c:pt>
                <c:pt idx="116">
                  <c:v>112.88</c:v>
                </c:pt>
                <c:pt idx="117">
                  <c:v>113.3</c:v>
                </c:pt>
                <c:pt idx="118">
                  <c:v>114.15</c:v>
                </c:pt>
                <c:pt idx="119">
                  <c:v>115</c:v>
                </c:pt>
                <c:pt idx="120">
                  <c:v>114.55</c:v>
                </c:pt>
                <c:pt idx="121">
                  <c:v>113.66</c:v>
                </c:pt>
                <c:pt idx="122">
                  <c:v>113.66</c:v>
                </c:pt>
                <c:pt idx="123">
                  <c:v>113.76</c:v>
                </c:pt>
                <c:pt idx="124">
                  <c:v>112.9</c:v>
                </c:pt>
                <c:pt idx="125">
                  <c:v>112.89</c:v>
                </c:pt>
                <c:pt idx="126">
                  <c:v>112.09</c:v>
                </c:pt>
                <c:pt idx="127">
                  <c:v>111.32</c:v>
                </c:pt>
                <c:pt idx="128">
                  <c:v>110.25</c:v>
                </c:pt>
                <c:pt idx="129">
                  <c:v>109.93</c:v>
                </c:pt>
                <c:pt idx="130">
                  <c:v>109.65</c:v>
                </c:pt>
                <c:pt idx="131">
                  <c:v>108.94</c:v>
                </c:pt>
                <c:pt idx="132">
                  <c:v>108.15</c:v>
                </c:pt>
                <c:pt idx="133">
                  <c:v>107.38</c:v>
                </c:pt>
                <c:pt idx="134">
                  <c:v>107.7</c:v>
                </c:pt>
                <c:pt idx="135">
                  <c:v>105.83</c:v>
                </c:pt>
                <c:pt idx="136">
                  <c:v>106.32</c:v>
                </c:pt>
                <c:pt idx="137">
                  <c:v>105.25</c:v>
                </c:pt>
                <c:pt idx="138">
                  <c:v>105.29</c:v>
                </c:pt>
                <c:pt idx="139">
                  <c:v>106.99</c:v>
                </c:pt>
                <c:pt idx="140">
                  <c:v>105.86</c:v>
                </c:pt>
                <c:pt idx="141">
                  <c:v>106.57</c:v>
                </c:pt>
                <c:pt idx="142">
                  <c:v>105.38</c:v>
                </c:pt>
                <c:pt idx="143">
                  <c:v>106.85</c:v>
                </c:pt>
                <c:pt idx="144">
                  <c:v>105.6</c:v>
                </c:pt>
                <c:pt idx="145">
                  <c:v>106.66</c:v>
                </c:pt>
                <c:pt idx="146">
                  <c:v>105.92</c:v>
                </c:pt>
                <c:pt idx="147">
                  <c:v>106.16</c:v>
                </c:pt>
                <c:pt idx="148">
                  <c:v>104.7</c:v>
                </c:pt>
                <c:pt idx="149">
                  <c:v>103.9</c:v>
                </c:pt>
                <c:pt idx="150">
                  <c:v>103.56</c:v>
                </c:pt>
                <c:pt idx="151">
                  <c:v>104.23</c:v>
                </c:pt>
                <c:pt idx="152">
                  <c:v>103.87</c:v>
                </c:pt>
                <c:pt idx="153">
                  <c:v>103.79</c:v>
                </c:pt>
                <c:pt idx="154">
                  <c:v>104.76</c:v>
                </c:pt>
                <c:pt idx="155">
                  <c:v>103.73</c:v>
                </c:pt>
                <c:pt idx="156">
                  <c:v>103.65</c:v>
                </c:pt>
                <c:pt idx="157">
                  <c:v>102.05</c:v>
                </c:pt>
                <c:pt idx="158">
                  <c:v>103.42</c:v>
                </c:pt>
                <c:pt idx="159">
                  <c:v>100.71</c:v>
                </c:pt>
                <c:pt idx="160">
                  <c:v>101.99</c:v>
                </c:pt>
                <c:pt idx="161">
                  <c:v>100.44</c:v>
                </c:pt>
                <c:pt idx="162">
                  <c:v>99.52</c:v>
                </c:pt>
                <c:pt idx="163">
                  <c:v>100.34</c:v>
                </c:pt>
                <c:pt idx="164">
                  <c:v>100.68</c:v>
                </c:pt>
                <c:pt idx="165">
                  <c:v>100.17</c:v>
                </c:pt>
                <c:pt idx="166">
                  <c:v>100.75</c:v>
                </c:pt>
                <c:pt idx="167">
                  <c:v>100.68</c:v>
                </c:pt>
                <c:pt idx="168">
                  <c:v>100.45</c:v>
                </c:pt>
                <c:pt idx="169">
                  <c:v>100.32</c:v>
                </c:pt>
                <c:pt idx="170">
                  <c:v>101.26</c:v>
                </c:pt>
                <c:pt idx="171">
                  <c:v>101.37</c:v>
                </c:pt>
                <c:pt idx="172">
                  <c:v>99.75</c:v>
                </c:pt>
                <c:pt idx="173">
                  <c:v>101.3</c:v>
                </c:pt>
                <c:pt idx="174">
                  <c:v>100.76</c:v>
                </c:pt>
                <c:pt idx="175">
                  <c:v>100.15</c:v>
                </c:pt>
                <c:pt idx="176">
                  <c:v>99.43</c:v>
                </c:pt>
                <c:pt idx="177">
                  <c:v>98.57</c:v>
                </c:pt>
                <c:pt idx="178">
                  <c:v>97.2</c:v>
                </c:pt>
                <c:pt idx="179">
                  <c:v>97.49</c:v>
                </c:pt>
                <c:pt idx="180">
                  <c:v>96.41</c:v>
                </c:pt>
                <c:pt idx="181">
                  <c:v>96.54</c:v>
                </c:pt>
                <c:pt idx="182">
                  <c:v>97.34</c:v>
                </c:pt>
                <c:pt idx="183">
                  <c:v>97.24</c:v>
                </c:pt>
                <c:pt idx="184">
                  <c:v>96.44</c:v>
                </c:pt>
                <c:pt idx="185">
                  <c:v>96.95</c:v>
                </c:pt>
                <c:pt idx="186">
                  <c:v>95.28</c:v>
                </c:pt>
                <c:pt idx="187">
                  <c:v>94.98</c:v>
                </c:pt>
                <c:pt idx="188">
                  <c:v>95.06</c:v>
                </c:pt>
                <c:pt idx="189">
                  <c:v>95.33</c:v>
                </c:pt>
                <c:pt idx="190">
                  <c:v>95.22</c:v>
                </c:pt>
                <c:pt idx="191">
                  <c:v>95.42</c:v>
                </c:pt>
                <c:pt idx="192">
                  <c:v>93.17</c:v>
                </c:pt>
                <c:pt idx="193">
                  <c:v>93.51</c:v>
                </c:pt>
                <c:pt idx="194">
                  <c:v>92.92</c:v>
                </c:pt>
                <c:pt idx="195">
                  <c:v>91.37</c:v>
                </c:pt>
                <c:pt idx="196">
                  <c:v>92.15</c:v>
                </c:pt>
                <c:pt idx="197">
                  <c:v>91.01</c:v>
                </c:pt>
                <c:pt idx="198">
                  <c:v>91.04</c:v>
                </c:pt>
                <c:pt idx="199">
                  <c:v>88.32</c:v>
                </c:pt>
                <c:pt idx="200">
                  <c:v>89.63</c:v>
                </c:pt>
                <c:pt idx="201">
                  <c:v>87.91</c:v>
                </c:pt>
                <c:pt idx="202">
                  <c:v>85.07</c:v>
                </c:pt>
                <c:pt idx="203">
                  <c:v>83.12</c:v>
                </c:pt>
                <c:pt idx="204">
                  <c:v>86.29</c:v>
                </c:pt>
                <c:pt idx="205">
                  <c:v>85.11</c:v>
                </c:pt>
                <c:pt idx="206">
                  <c:v>84.28</c:v>
                </c:pt>
                <c:pt idx="207">
                  <c:v>85.31</c:v>
                </c:pt>
                <c:pt idx="208">
                  <c:v>83.79</c:v>
                </c:pt>
                <c:pt idx="209">
                  <c:v>85.89</c:v>
                </c:pt>
                <c:pt idx="210">
                  <c:v>85.29</c:v>
                </c:pt>
                <c:pt idx="211">
                  <c:v>84.6</c:v>
                </c:pt>
                <c:pt idx="212">
                  <c:v>85.23</c:v>
                </c:pt>
                <c:pt idx="213">
                  <c:v>85.66</c:v>
                </c:pt>
                <c:pt idx="214">
                  <c:v>84.9</c:v>
                </c:pt>
                <c:pt idx="215">
                  <c:v>84.8</c:v>
                </c:pt>
                <c:pt idx="216">
                  <c:v>83.55</c:v>
                </c:pt>
                <c:pt idx="217">
                  <c:v>82.12</c:v>
                </c:pt>
                <c:pt idx="218">
                  <c:v>82.76</c:v>
                </c:pt>
                <c:pt idx="219">
                  <c:v>82.16</c:v>
                </c:pt>
                <c:pt idx="220">
                  <c:v>82.38</c:v>
                </c:pt>
                <c:pt idx="221">
                  <c:v>81.290000000000006</c:v>
                </c:pt>
                <c:pt idx="222">
                  <c:v>80.34</c:v>
                </c:pt>
                <c:pt idx="223">
                  <c:v>78.849999999999994</c:v>
                </c:pt>
                <c:pt idx="224">
                  <c:v>76.239999999999995</c:v>
                </c:pt>
                <c:pt idx="225">
                  <c:v>78.260000000000005</c:v>
                </c:pt>
                <c:pt idx="226">
                  <c:v>77.52</c:v>
                </c:pt>
                <c:pt idx="227">
                  <c:v>76.849999999999994</c:v>
                </c:pt>
                <c:pt idx="228">
                  <c:v>76.599999999999994</c:v>
                </c:pt>
                <c:pt idx="229">
                  <c:v>78.53</c:v>
                </c:pt>
                <c:pt idx="230">
                  <c:v>79.2</c:v>
                </c:pt>
                <c:pt idx="231">
                  <c:v>78.09</c:v>
                </c:pt>
                <c:pt idx="232">
                  <c:v>76.959999999999994</c:v>
                </c:pt>
                <c:pt idx="233">
                  <c:v>76.349999999999994</c:v>
                </c:pt>
                <c:pt idx="234">
                  <c:v>71.72</c:v>
                </c:pt>
                <c:pt idx="235">
                  <c:v>68.989999999999995</c:v>
                </c:pt>
                <c:pt idx="236">
                  <c:v>72.22</c:v>
                </c:pt>
                <c:pt idx="237">
                  <c:v>70.64</c:v>
                </c:pt>
                <c:pt idx="238">
                  <c:v>69.72</c:v>
                </c:pt>
                <c:pt idx="239">
                  <c:v>69.010000000000005</c:v>
                </c:pt>
                <c:pt idx="240">
                  <c:v>68.22</c:v>
                </c:pt>
                <c:pt idx="241">
                  <c:v>65.67</c:v>
                </c:pt>
                <c:pt idx="242">
                  <c:v>65.95</c:v>
                </c:pt>
                <c:pt idx="243">
                  <c:v>63.73</c:v>
                </c:pt>
                <c:pt idx="244">
                  <c:v>62.78</c:v>
                </c:pt>
                <c:pt idx="245">
                  <c:v>61.09</c:v>
                </c:pt>
                <c:pt idx="246">
                  <c:v>59.83</c:v>
                </c:pt>
                <c:pt idx="247">
                  <c:v>59.17</c:v>
                </c:pt>
                <c:pt idx="248">
                  <c:v>59.89</c:v>
                </c:pt>
                <c:pt idx="249">
                  <c:v>59.21</c:v>
                </c:pt>
                <c:pt idx="250">
                  <c:v>61.25</c:v>
                </c:pt>
                <c:pt idx="251">
                  <c:v>59.05</c:v>
                </c:pt>
                <c:pt idx="252">
                  <c:v>59.67</c:v>
                </c:pt>
                <c:pt idx="253">
                  <c:v>58.48</c:v>
                </c:pt>
                <c:pt idx="254">
                  <c:v>57.83</c:v>
                </c:pt>
                <c:pt idx="255">
                  <c:v>56.29</c:v>
                </c:pt>
                <c:pt idx="256">
                  <c:v>55.81</c:v>
                </c:pt>
                <c:pt idx="257">
                  <c:v>55.76</c:v>
                </c:pt>
                <c:pt idx="258">
                  <c:v>55.69</c:v>
                </c:pt>
                <c:pt idx="259">
                  <c:v>52.35</c:v>
                </c:pt>
                <c:pt idx="260">
                  <c:v>50.22</c:v>
                </c:pt>
                <c:pt idx="261">
                  <c:v>50.16</c:v>
                </c:pt>
                <c:pt idx="262">
                  <c:v>50.28</c:v>
                </c:pt>
                <c:pt idx="263">
                  <c:v>49.37</c:v>
                </c:pt>
                <c:pt idx="264">
                  <c:v>46.49</c:v>
                </c:pt>
                <c:pt idx="265">
                  <c:v>46.33</c:v>
                </c:pt>
                <c:pt idx="266">
                  <c:v>47.63</c:v>
                </c:pt>
                <c:pt idx="267">
                  <c:v>46.33</c:v>
                </c:pt>
                <c:pt idx="268">
                  <c:v>47.69</c:v>
                </c:pt>
                <c:pt idx="269">
                  <c:v>47.12</c:v>
                </c:pt>
                <c:pt idx="270">
                  <c:v>45.47</c:v>
                </c:pt>
                <c:pt idx="271">
                  <c:v>46.2</c:v>
                </c:pt>
                <c:pt idx="272">
                  <c:v>46.52</c:v>
                </c:pt>
                <c:pt idx="273">
                  <c:v>45.89</c:v>
                </c:pt>
                <c:pt idx="274">
                  <c:v>45.25</c:v>
                </c:pt>
                <c:pt idx="275">
                  <c:v>46.54</c:v>
                </c:pt>
                <c:pt idx="276">
                  <c:v>46.26</c:v>
                </c:pt>
                <c:pt idx="277">
                  <c:v>46.85</c:v>
                </c:pt>
                <c:pt idx="278">
                  <c:v>50.77</c:v>
                </c:pt>
                <c:pt idx="279">
                  <c:v>53.69</c:v>
                </c:pt>
                <c:pt idx="280">
                  <c:v>55.59</c:v>
                </c:pt>
                <c:pt idx="281">
                  <c:v>53.17</c:v>
                </c:pt>
                <c:pt idx="282">
                  <c:v>56.05</c:v>
                </c:pt>
                <c:pt idx="283">
                  <c:v>57.52</c:v>
                </c:pt>
                <c:pt idx="284">
                  <c:v>57.17</c:v>
                </c:pt>
                <c:pt idx="285">
                  <c:v>56.29</c:v>
                </c:pt>
                <c:pt idx="286">
                  <c:v>54.23</c:v>
                </c:pt>
                <c:pt idx="287">
                  <c:v>57.04</c:v>
                </c:pt>
                <c:pt idx="288">
                  <c:v>59.41</c:v>
                </c:pt>
                <c:pt idx="289">
                  <c:v>59.88</c:v>
                </c:pt>
                <c:pt idx="290">
                  <c:v>61.23</c:v>
                </c:pt>
                <c:pt idx="291">
                  <c:v>58.53</c:v>
                </c:pt>
                <c:pt idx="292">
                  <c:v>59.34</c:v>
                </c:pt>
                <c:pt idx="293">
                  <c:v>59.79</c:v>
                </c:pt>
                <c:pt idx="294">
                  <c:v>58.57</c:v>
                </c:pt>
                <c:pt idx="295">
                  <c:v>58.31</c:v>
                </c:pt>
                <c:pt idx="296">
                  <c:v>61.3</c:v>
                </c:pt>
                <c:pt idx="297">
                  <c:v>59.69</c:v>
                </c:pt>
                <c:pt idx="298">
                  <c:v>61.81</c:v>
                </c:pt>
                <c:pt idx="299">
                  <c:v>60.87</c:v>
                </c:pt>
                <c:pt idx="300">
                  <c:v>61.03</c:v>
                </c:pt>
                <c:pt idx="301">
                  <c:v>60.11</c:v>
                </c:pt>
                <c:pt idx="302">
                  <c:v>60.12</c:v>
                </c:pt>
                <c:pt idx="303">
                  <c:v>59.35</c:v>
                </c:pt>
                <c:pt idx="304">
                  <c:v>58.14</c:v>
                </c:pt>
                <c:pt idx="305">
                  <c:v>55.88</c:v>
                </c:pt>
                <c:pt idx="306">
                  <c:v>57.18</c:v>
                </c:pt>
                <c:pt idx="307">
                  <c:v>56.34</c:v>
                </c:pt>
                <c:pt idx="308">
                  <c:v>53.83</c:v>
                </c:pt>
                <c:pt idx="309">
                  <c:v>52.61</c:v>
                </c:pt>
                <c:pt idx="310">
                  <c:v>51.33</c:v>
                </c:pt>
                <c:pt idx="311">
                  <c:v>54.29</c:v>
                </c:pt>
                <c:pt idx="312">
                  <c:v>52.44</c:v>
                </c:pt>
                <c:pt idx="313">
                  <c:v>53.19</c:v>
                </c:pt>
                <c:pt idx="314">
                  <c:v>53.79</c:v>
                </c:pt>
                <c:pt idx="315">
                  <c:v>53.22</c:v>
                </c:pt>
                <c:pt idx="316">
                  <c:v>54.36</c:v>
                </c:pt>
                <c:pt idx="317">
                  <c:v>56.84</c:v>
                </c:pt>
                <c:pt idx="318">
                  <c:v>54.36</c:v>
                </c:pt>
                <c:pt idx="319">
                  <c:v>54.79</c:v>
                </c:pt>
                <c:pt idx="320">
                  <c:v>53.34</c:v>
                </c:pt>
                <c:pt idx="321">
                  <c:v>55.81</c:v>
                </c:pt>
                <c:pt idx="322">
                  <c:v>54.23</c:v>
                </c:pt>
                <c:pt idx="323">
                  <c:v>54.26</c:v>
                </c:pt>
                <c:pt idx="324">
                  <c:v>57.09</c:v>
                </c:pt>
                <c:pt idx="325">
                  <c:v>57.83</c:v>
                </c:pt>
                <c:pt idx="326">
                  <c:v>55.27</c:v>
                </c:pt>
                <c:pt idx="327">
                  <c:v>55.82</c:v>
                </c:pt>
                <c:pt idx="328">
                  <c:v>57.34</c:v>
                </c:pt>
                <c:pt idx="329">
                  <c:v>56.7</c:v>
                </c:pt>
                <c:pt idx="330">
                  <c:v>57.59</c:v>
                </c:pt>
                <c:pt idx="331">
                  <c:v>60.2</c:v>
                </c:pt>
                <c:pt idx="332">
                  <c:v>62.16</c:v>
                </c:pt>
                <c:pt idx="333">
                  <c:v>61.21</c:v>
                </c:pt>
                <c:pt idx="334">
                  <c:v>61.18</c:v>
                </c:pt>
                <c:pt idx="335">
                  <c:v>59.32</c:v>
                </c:pt>
                <c:pt idx="336">
                  <c:v>60.54</c:v>
                </c:pt>
                <c:pt idx="337">
                  <c:v>62.62</c:v>
                </c:pt>
                <c:pt idx="338">
                  <c:v>63.63</c:v>
                </c:pt>
                <c:pt idx="339">
                  <c:v>62.58</c:v>
                </c:pt>
                <c:pt idx="340">
                  <c:v>62.67</c:v>
                </c:pt>
                <c:pt idx="341">
                  <c:v>63.66</c:v>
                </c:pt>
                <c:pt idx="342">
                  <c:v>64.86</c:v>
                </c:pt>
                <c:pt idx="343">
                  <c:v>65.400000000000006</c:v>
                </c:pt>
                <c:pt idx="344">
                  <c:v>65.34</c:v>
                </c:pt>
                <c:pt idx="345">
                  <c:v>66.37</c:v>
                </c:pt>
                <c:pt idx="346">
                  <c:v>66.22</c:v>
                </c:pt>
                <c:pt idx="347">
                  <c:v>64.150000000000006</c:v>
                </c:pt>
                <c:pt idx="348">
                  <c:v>64.31</c:v>
                </c:pt>
                <c:pt idx="349">
                  <c:v>63.87</c:v>
                </c:pt>
                <c:pt idx="350">
                  <c:v>66.290000000000006</c:v>
                </c:pt>
                <c:pt idx="351">
                  <c:v>65.83</c:v>
                </c:pt>
                <c:pt idx="352">
                  <c:v>65.739999999999995</c:v>
                </c:pt>
                <c:pt idx="353">
                  <c:v>65.790000000000006</c:v>
                </c:pt>
                <c:pt idx="354">
                  <c:v>65.58</c:v>
                </c:pt>
                <c:pt idx="355">
                  <c:v>63.16</c:v>
                </c:pt>
                <c:pt idx="356">
                  <c:v>63.66</c:v>
                </c:pt>
                <c:pt idx="357">
                  <c:v>65.39</c:v>
                </c:pt>
                <c:pt idx="358">
                  <c:v>64.78</c:v>
                </c:pt>
                <c:pt idx="359">
                  <c:v>65.12</c:v>
                </c:pt>
                <c:pt idx="360">
                  <c:v>62.49</c:v>
                </c:pt>
                <c:pt idx="361">
                  <c:v>61.1</c:v>
                </c:pt>
                <c:pt idx="362">
                  <c:v>61.31</c:v>
                </c:pt>
                <c:pt idx="363">
                  <c:v>63.89</c:v>
                </c:pt>
                <c:pt idx="364">
                  <c:v>64.11</c:v>
                </c:pt>
                <c:pt idx="365">
                  <c:v>64.41</c:v>
                </c:pt>
                <c:pt idx="366">
                  <c:v>62.66</c:v>
                </c:pt>
                <c:pt idx="367">
                  <c:v>61.03</c:v>
                </c:pt>
                <c:pt idx="368">
                  <c:v>62.18</c:v>
                </c:pt>
                <c:pt idx="369">
                  <c:v>61.47</c:v>
                </c:pt>
                <c:pt idx="370">
                  <c:v>64.23</c:v>
                </c:pt>
                <c:pt idx="371">
                  <c:v>64.59</c:v>
                </c:pt>
                <c:pt idx="372">
                  <c:v>63.78</c:v>
                </c:pt>
                <c:pt idx="373">
                  <c:v>62.69</c:v>
                </c:pt>
                <c:pt idx="374">
                  <c:v>62.27</c:v>
                </c:pt>
                <c:pt idx="375">
                  <c:v>62.1</c:v>
                </c:pt>
                <c:pt idx="376">
                  <c:v>61.51</c:v>
                </c:pt>
                <c:pt idx="377">
                  <c:v>62.92</c:v>
                </c:pt>
                <c:pt idx="378">
                  <c:v>60.78</c:v>
                </c:pt>
                <c:pt idx="379">
                  <c:v>61.19</c:v>
                </c:pt>
                <c:pt idx="380">
                  <c:v>62.39</c:v>
                </c:pt>
                <c:pt idx="381">
                  <c:v>62.08</c:v>
                </c:pt>
                <c:pt idx="382">
                  <c:v>62</c:v>
                </c:pt>
                <c:pt idx="383">
                  <c:v>61.35</c:v>
                </c:pt>
                <c:pt idx="384">
                  <c:v>60.51</c:v>
                </c:pt>
                <c:pt idx="385">
                  <c:v>61.36</c:v>
                </c:pt>
                <c:pt idx="386">
                  <c:v>60.88</c:v>
                </c:pt>
                <c:pt idx="387">
                  <c:v>60.78</c:v>
                </c:pt>
                <c:pt idx="388">
                  <c:v>59.53</c:v>
                </c:pt>
                <c:pt idx="389">
                  <c:v>55.62</c:v>
                </c:pt>
                <c:pt idx="390">
                  <c:v>56.46</c:v>
                </c:pt>
                <c:pt idx="391">
                  <c:v>56.29</c:v>
                </c:pt>
                <c:pt idx="392">
                  <c:v>57.65</c:v>
                </c:pt>
                <c:pt idx="393">
                  <c:v>58.05</c:v>
                </c:pt>
                <c:pt idx="394">
                  <c:v>57.25</c:v>
                </c:pt>
                <c:pt idx="395">
                  <c:v>57.73</c:v>
                </c:pt>
                <c:pt idx="396">
                  <c:v>56.26</c:v>
                </c:pt>
                <c:pt idx="397">
                  <c:v>56.45</c:v>
                </c:pt>
                <c:pt idx="398">
                  <c:v>56.34</c:v>
                </c:pt>
                <c:pt idx="399">
                  <c:v>55.66</c:v>
                </c:pt>
                <c:pt idx="400">
                  <c:v>56.11</c:v>
                </c:pt>
                <c:pt idx="401">
                  <c:v>55.37</c:v>
                </c:pt>
                <c:pt idx="402">
                  <c:v>54.58</c:v>
                </c:pt>
                <c:pt idx="403">
                  <c:v>53.81</c:v>
                </c:pt>
                <c:pt idx="404">
                  <c:v>52.17</c:v>
                </c:pt>
                <c:pt idx="405">
                  <c:v>52.26</c:v>
                </c:pt>
                <c:pt idx="406">
                  <c:v>52.7</c:v>
                </c:pt>
                <c:pt idx="407">
                  <c:v>52.39</c:v>
                </c:pt>
                <c:pt idx="408">
                  <c:v>50.57</c:v>
                </c:pt>
                <c:pt idx="409">
                  <c:v>48.93</c:v>
                </c:pt>
                <c:pt idx="410">
                  <c:v>49.4</c:v>
                </c:pt>
                <c:pt idx="411">
                  <c:v>48.9</c:v>
                </c:pt>
                <c:pt idx="412">
                  <c:v>49.06</c:v>
                </c:pt>
                <c:pt idx="413">
                  <c:v>48.05</c:v>
                </c:pt>
                <c:pt idx="414">
                  <c:v>49.52</c:v>
                </c:pt>
                <c:pt idx="415">
                  <c:v>48.65</c:v>
                </c:pt>
                <c:pt idx="416">
                  <c:v>49.38</c:v>
                </c:pt>
                <c:pt idx="417">
                  <c:v>48.61</c:v>
                </c:pt>
                <c:pt idx="418">
                  <c:v>47.32</c:v>
                </c:pt>
                <c:pt idx="419">
                  <c:v>47.52</c:v>
                </c:pt>
                <c:pt idx="420">
                  <c:v>47.54</c:v>
                </c:pt>
                <c:pt idx="421">
                  <c:v>45.3</c:v>
                </c:pt>
                <c:pt idx="422">
                  <c:v>45.06</c:v>
                </c:pt>
                <c:pt idx="423">
                  <c:v>44.32</c:v>
                </c:pt>
                <c:pt idx="424">
                  <c:v>40.74</c:v>
                </c:pt>
                <c:pt idx="425">
                  <c:v>41.6</c:v>
                </c:pt>
                <c:pt idx="426">
                  <c:v>41.69</c:v>
                </c:pt>
                <c:pt idx="427">
                  <c:v>45.74</c:v>
                </c:pt>
                <c:pt idx="428">
                  <c:v>48.27</c:v>
                </c:pt>
                <c:pt idx="429">
                  <c:v>51.28</c:v>
                </c:pt>
                <c:pt idx="430">
                  <c:v>47.56</c:v>
                </c:pt>
                <c:pt idx="431">
                  <c:v>49.7</c:v>
                </c:pt>
                <c:pt idx="432">
                  <c:v>49.97</c:v>
                </c:pt>
                <c:pt idx="433">
                  <c:v>48.68</c:v>
                </c:pt>
                <c:pt idx="434">
                  <c:v>46.9</c:v>
                </c:pt>
                <c:pt idx="435">
                  <c:v>48.24</c:v>
                </c:pt>
                <c:pt idx="436">
                  <c:v>46.49</c:v>
                </c:pt>
                <c:pt idx="437">
                  <c:v>48.08</c:v>
                </c:pt>
                <c:pt idx="438">
                  <c:v>47.41</c:v>
                </c:pt>
                <c:pt idx="439">
                  <c:v>45.52</c:v>
                </c:pt>
                <c:pt idx="440">
                  <c:v>46.12</c:v>
                </c:pt>
                <c:pt idx="441">
                  <c:v>47.95</c:v>
                </c:pt>
                <c:pt idx="442">
                  <c:v>47.61</c:v>
                </c:pt>
                <c:pt idx="443">
                  <c:v>46.15</c:v>
                </c:pt>
                <c:pt idx="444">
                  <c:v>46.93</c:v>
                </c:pt>
                <c:pt idx="445">
                  <c:v>47.22</c:v>
                </c:pt>
                <c:pt idx="446">
                  <c:v>45.92</c:v>
                </c:pt>
                <c:pt idx="447">
                  <c:v>46.59</c:v>
                </c:pt>
                <c:pt idx="448">
                  <c:v>46.67</c:v>
                </c:pt>
                <c:pt idx="449">
                  <c:v>45.86</c:v>
                </c:pt>
                <c:pt idx="450">
                  <c:v>46.46</c:v>
                </c:pt>
                <c:pt idx="451">
                  <c:v>47.13</c:v>
                </c:pt>
                <c:pt idx="452">
                  <c:v>47.19</c:v>
                </c:pt>
                <c:pt idx="453">
                  <c:v>47.41</c:v>
                </c:pt>
                <c:pt idx="454">
                  <c:v>48.49</c:v>
                </c:pt>
                <c:pt idx="455">
                  <c:v>51.47</c:v>
                </c:pt>
                <c:pt idx="456">
                  <c:v>51.22</c:v>
                </c:pt>
                <c:pt idx="457">
                  <c:v>52.71</c:v>
                </c:pt>
                <c:pt idx="458">
                  <c:v>52.03</c:v>
                </c:pt>
                <c:pt idx="459">
                  <c:v>49.67</c:v>
                </c:pt>
                <c:pt idx="460">
                  <c:v>48.43</c:v>
                </c:pt>
                <c:pt idx="461">
                  <c:v>47.83</c:v>
                </c:pt>
                <c:pt idx="462">
                  <c:v>48.67</c:v>
                </c:pt>
                <c:pt idx="463">
                  <c:v>49.04</c:v>
                </c:pt>
                <c:pt idx="464">
                  <c:v>47.58</c:v>
                </c:pt>
                <c:pt idx="465">
                  <c:v>46.78</c:v>
                </c:pt>
                <c:pt idx="466">
                  <c:v>45.94</c:v>
                </c:pt>
                <c:pt idx="467">
                  <c:v>46.29</c:v>
                </c:pt>
                <c:pt idx="468">
                  <c:v>46.04</c:v>
                </c:pt>
                <c:pt idx="469">
                  <c:v>45.43</c:v>
                </c:pt>
                <c:pt idx="470">
                  <c:v>45.08</c:v>
                </c:pt>
                <c:pt idx="471">
                  <c:v>47.19</c:v>
                </c:pt>
                <c:pt idx="472">
                  <c:v>46.62</c:v>
                </c:pt>
                <c:pt idx="473">
                  <c:v>47.62</c:v>
                </c:pt>
                <c:pt idx="474">
                  <c:v>47.79</c:v>
                </c:pt>
                <c:pt idx="475">
                  <c:v>48.9</c:v>
                </c:pt>
                <c:pt idx="476">
                  <c:v>47.59</c:v>
                </c:pt>
                <c:pt idx="477">
                  <c:v>46.91</c:v>
                </c:pt>
                <c:pt idx="478">
                  <c:v>46.6</c:v>
                </c:pt>
                <c:pt idx="479">
                  <c:v>46.34</c:v>
                </c:pt>
                <c:pt idx="480">
                  <c:v>45.84</c:v>
                </c:pt>
                <c:pt idx="481">
                  <c:v>44.95</c:v>
                </c:pt>
                <c:pt idx="482">
                  <c:v>43.34</c:v>
                </c:pt>
                <c:pt idx="483">
                  <c:v>42.16</c:v>
                </c:pt>
                <c:pt idx="484">
                  <c:v>42.69</c:v>
                </c:pt>
                <c:pt idx="485">
                  <c:v>41.71</c:v>
                </c:pt>
                <c:pt idx="486">
                  <c:v>42.1</c:v>
                </c:pt>
                <c:pt idx="487">
                  <c:v>41.97</c:v>
                </c:pt>
                <c:pt idx="488">
                  <c:v>42.26</c:v>
                </c:pt>
                <c:pt idx="489">
                  <c:v>43.21</c:v>
                </c:pt>
                <c:pt idx="490">
                  <c:v>44.33</c:v>
                </c:pt>
                <c:pt idx="491">
                  <c:v>44.64</c:v>
                </c:pt>
                <c:pt idx="492">
                  <c:v>43.56</c:v>
                </c:pt>
                <c:pt idx="493">
                  <c:v>43.05</c:v>
                </c:pt>
                <c:pt idx="494">
                  <c:v>42.82</c:v>
                </c:pt>
                <c:pt idx="495">
                  <c:v>43.48</c:v>
                </c:pt>
                <c:pt idx="496">
                  <c:v>41.87</c:v>
                </c:pt>
                <c:pt idx="497">
                  <c:v>42.99</c:v>
                </c:pt>
                <c:pt idx="498">
                  <c:v>42.04</c:v>
                </c:pt>
                <c:pt idx="499">
                  <c:v>39.909999999999997</c:v>
                </c:pt>
                <c:pt idx="500">
                  <c:v>39.68</c:v>
                </c:pt>
                <c:pt idx="501">
                  <c:v>39.68</c:v>
                </c:pt>
                <c:pt idx="502">
                  <c:v>39.04</c:v>
                </c:pt>
                <c:pt idx="503">
                  <c:v>37.33</c:v>
                </c:pt>
                <c:pt idx="504">
                  <c:v>37.159999999999997</c:v>
                </c:pt>
                <c:pt idx="505">
                  <c:v>36.909999999999997</c:v>
                </c:pt>
                <c:pt idx="506">
                  <c:v>36.14</c:v>
                </c:pt>
                <c:pt idx="507">
                  <c:v>35.340000000000003</c:v>
                </c:pt>
                <c:pt idx="508">
                  <c:v>35.049999999999997</c:v>
                </c:pt>
                <c:pt idx="509">
                  <c:v>34.78</c:v>
                </c:pt>
                <c:pt idx="510">
                  <c:v>34.85</c:v>
                </c:pt>
                <c:pt idx="511">
                  <c:v>36.19</c:v>
                </c:pt>
                <c:pt idx="512">
                  <c:v>36.49</c:v>
                </c:pt>
                <c:pt idx="513">
                  <c:v>36.49</c:v>
                </c:pt>
                <c:pt idx="514">
                  <c:v>35.03</c:v>
                </c:pt>
                <c:pt idx="515">
                  <c:v>36.35</c:v>
                </c:pt>
                <c:pt idx="516">
                  <c:v>35.049999999999997</c:v>
                </c:pt>
                <c:pt idx="517">
                  <c:v>35.75</c:v>
                </c:pt>
                <c:pt idx="518">
                  <c:v>36.14</c:v>
                </c:pt>
                <c:pt idx="519">
                  <c:v>36.229999999999997</c:v>
                </c:pt>
                <c:pt idx="520">
                  <c:v>35.6</c:v>
                </c:pt>
                <c:pt idx="521">
                  <c:v>32.950000000000003</c:v>
                </c:pt>
                <c:pt idx="522">
                  <c:v>32.44</c:v>
                </c:pt>
                <c:pt idx="523">
                  <c:v>32.049999999999997</c:v>
                </c:pt>
                <c:pt idx="524">
                  <c:v>29.64</c:v>
                </c:pt>
                <c:pt idx="525">
                  <c:v>28.68</c:v>
                </c:pt>
                <c:pt idx="526">
                  <c:v>28.35</c:v>
                </c:pt>
                <c:pt idx="527">
                  <c:v>29.8</c:v>
                </c:pt>
                <c:pt idx="528">
                  <c:v>27.93</c:v>
                </c:pt>
                <c:pt idx="529">
                  <c:v>27.55</c:v>
                </c:pt>
                <c:pt idx="530">
                  <c:v>27.38</c:v>
                </c:pt>
                <c:pt idx="531">
                  <c:v>26.39</c:v>
                </c:pt>
                <c:pt idx="532">
                  <c:v>28.19</c:v>
                </c:pt>
                <c:pt idx="533">
                  <c:v>30.98</c:v>
                </c:pt>
                <c:pt idx="534">
                  <c:v>28.68</c:v>
                </c:pt>
                <c:pt idx="535">
                  <c:v>29.95</c:v>
                </c:pt>
                <c:pt idx="536">
                  <c:v>31.7</c:v>
                </c:pt>
                <c:pt idx="537">
                  <c:v>33.04</c:v>
                </c:pt>
                <c:pt idx="538">
                  <c:v>33.200000000000003</c:v>
                </c:pt>
                <c:pt idx="539">
                  <c:v>33.479999999999997</c:v>
                </c:pt>
                <c:pt idx="540">
                  <c:v>32</c:v>
                </c:pt>
                <c:pt idx="541">
                  <c:v>35.31</c:v>
                </c:pt>
                <c:pt idx="542">
                  <c:v>34</c:v>
                </c:pt>
                <c:pt idx="543">
                  <c:v>33.69</c:v>
                </c:pt>
                <c:pt idx="544">
                  <c:v>32.799999999999997</c:v>
                </c:pt>
                <c:pt idx="545">
                  <c:v>30.38</c:v>
                </c:pt>
                <c:pt idx="546">
                  <c:v>30.95</c:v>
                </c:pt>
                <c:pt idx="547">
                  <c:v>31.04</c:v>
                </c:pt>
                <c:pt idx="548">
                  <c:v>32.28</c:v>
                </c:pt>
                <c:pt idx="549">
                  <c:v>33.61</c:v>
                </c:pt>
                <c:pt idx="550">
                  <c:v>31.76</c:v>
                </c:pt>
                <c:pt idx="551">
                  <c:v>34.36</c:v>
                </c:pt>
                <c:pt idx="552">
                  <c:v>33.450000000000003</c:v>
                </c:pt>
                <c:pt idx="553">
                  <c:v>32.520000000000003</c:v>
                </c:pt>
                <c:pt idx="554">
                  <c:v>34.049999999999997</c:v>
                </c:pt>
                <c:pt idx="555">
                  <c:v>32.44</c:v>
                </c:pt>
                <c:pt idx="556">
                  <c:v>33.86</c:v>
                </c:pt>
                <c:pt idx="557">
                  <c:v>34.47</c:v>
                </c:pt>
                <c:pt idx="558">
                  <c:v>34.770000000000003</c:v>
                </c:pt>
                <c:pt idx="559">
                  <c:v>35.94</c:v>
                </c:pt>
                <c:pt idx="560">
                  <c:v>36.22</c:v>
                </c:pt>
                <c:pt idx="561">
                  <c:v>36.729999999999997</c:v>
                </c:pt>
                <c:pt idx="562">
                  <c:v>36.590000000000003</c:v>
                </c:pt>
                <c:pt idx="563">
                  <c:v>38.39</c:v>
                </c:pt>
                <c:pt idx="564">
                  <c:v>40.21</c:v>
                </c:pt>
                <c:pt idx="565">
                  <c:v>38.96</c:v>
                </c:pt>
                <c:pt idx="566">
                  <c:v>39.880000000000003</c:v>
                </c:pt>
                <c:pt idx="567">
                  <c:v>39.39</c:v>
                </c:pt>
                <c:pt idx="568">
                  <c:v>39.46</c:v>
                </c:pt>
                <c:pt idx="569">
                  <c:v>38.56</c:v>
                </c:pt>
                <c:pt idx="570">
                  <c:v>37.94</c:v>
                </c:pt>
                <c:pt idx="571">
                  <c:v>39.450000000000003</c:v>
                </c:pt>
                <c:pt idx="572">
                  <c:v>40.56</c:v>
                </c:pt>
                <c:pt idx="573">
                  <c:v>40.54</c:v>
                </c:pt>
                <c:pt idx="574">
                  <c:v>40.549999999999997</c:v>
                </c:pt>
                <c:pt idx="575">
                  <c:v>40.89</c:v>
                </c:pt>
                <c:pt idx="576">
                  <c:v>39.79</c:v>
                </c:pt>
                <c:pt idx="577">
                  <c:v>39.54</c:v>
                </c:pt>
                <c:pt idx="578">
                  <c:v>39.54</c:v>
                </c:pt>
                <c:pt idx="579">
                  <c:v>39.29</c:v>
                </c:pt>
                <c:pt idx="580">
                  <c:v>38.619999999999997</c:v>
                </c:pt>
                <c:pt idx="581">
                  <c:v>38.81</c:v>
                </c:pt>
                <c:pt idx="582">
                  <c:v>38.72</c:v>
                </c:pt>
                <c:pt idx="583">
                  <c:v>37.86</c:v>
                </c:pt>
                <c:pt idx="584">
                  <c:v>36.68</c:v>
                </c:pt>
                <c:pt idx="585">
                  <c:v>37.31</c:v>
                </c:pt>
                <c:pt idx="586">
                  <c:v>38.89</c:v>
                </c:pt>
                <c:pt idx="587">
                  <c:v>38.700000000000003</c:v>
                </c:pt>
                <c:pt idx="588">
                  <c:v>41.01</c:v>
                </c:pt>
                <c:pt idx="589">
                  <c:v>41.89</c:v>
                </c:pt>
                <c:pt idx="590">
                  <c:v>43.3</c:v>
                </c:pt>
                <c:pt idx="591">
                  <c:v>42.81</c:v>
                </c:pt>
                <c:pt idx="592">
                  <c:v>42.68</c:v>
                </c:pt>
                <c:pt idx="593">
                  <c:v>41.96</c:v>
                </c:pt>
                <c:pt idx="594">
                  <c:v>42.03</c:v>
                </c:pt>
                <c:pt idx="595">
                  <c:v>42.91</c:v>
                </c:pt>
                <c:pt idx="596">
                  <c:v>44.4</c:v>
                </c:pt>
                <c:pt idx="597">
                  <c:v>43.48</c:v>
                </c:pt>
                <c:pt idx="598">
                  <c:v>44</c:v>
                </c:pt>
                <c:pt idx="599">
                  <c:v>43.41</c:v>
                </c:pt>
                <c:pt idx="600">
                  <c:v>44.88</c:v>
                </c:pt>
                <c:pt idx="601">
                  <c:v>45.99</c:v>
                </c:pt>
                <c:pt idx="602">
                  <c:v>46.64</c:v>
                </c:pt>
                <c:pt idx="603">
                  <c:v>46.36</c:v>
                </c:pt>
                <c:pt idx="604">
                  <c:v>45.38</c:v>
                </c:pt>
                <c:pt idx="605">
                  <c:v>44.55</c:v>
                </c:pt>
                <c:pt idx="606">
                  <c:v>44.34</c:v>
                </c:pt>
                <c:pt idx="607">
                  <c:v>44.72</c:v>
                </c:pt>
                <c:pt idx="608">
                  <c:v>44.85</c:v>
                </c:pt>
                <c:pt idx="609">
                  <c:v>43</c:v>
                </c:pt>
                <c:pt idx="610">
                  <c:v>45.16</c:v>
                </c:pt>
                <c:pt idx="611">
                  <c:v>46.59</c:v>
                </c:pt>
                <c:pt idx="612">
                  <c:v>47.48</c:v>
                </c:pt>
                <c:pt idx="613">
                  <c:v>47.31</c:v>
                </c:pt>
                <c:pt idx="614">
                  <c:v>48.5</c:v>
                </c:pt>
                <c:pt idx="615">
                  <c:v>48.74</c:v>
                </c:pt>
                <c:pt idx="616">
                  <c:v>47.88</c:v>
                </c:pt>
                <c:pt idx="617">
                  <c:v>48.35</c:v>
                </c:pt>
                <c:pt idx="618">
                  <c:v>48.28</c:v>
                </c:pt>
                <c:pt idx="619">
                  <c:v>47.79</c:v>
                </c:pt>
                <c:pt idx="620">
                  <c:v>48.48</c:v>
                </c:pt>
                <c:pt idx="621">
                  <c:v>49.28</c:v>
                </c:pt>
                <c:pt idx="622">
                  <c:v>49.83</c:v>
                </c:pt>
                <c:pt idx="623">
                  <c:v>48.96</c:v>
                </c:pt>
                <c:pt idx="624">
                  <c:v>49.14</c:v>
                </c:pt>
                <c:pt idx="625">
                  <c:v>48.31</c:v>
                </c:pt>
                <c:pt idx="626">
                  <c:v>48.87</c:v>
                </c:pt>
                <c:pt idx="627">
                  <c:v>49.11</c:v>
                </c:pt>
                <c:pt idx="628">
                  <c:v>49.04</c:v>
                </c:pt>
                <c:pt idx="629">
                  <c:v>49.02</c:v>
                </c:pt>
                <c:pt idx="630">
                  <c:v>49.98</c:v>
                </c:pt>
                <c:pt idx="631">
                  <c:v>51.33</c:v>
                </c:pt>
                <c:pt idx="632">
                  <c:v>50.39</c:v>
                </c:pt>
                <c:pt idx="633">
                  <c:v>48.89</c:v>
                </c:pt>
                <c:pt idx="634">
                  <c:v>48.29</c:v>
                </c:pt>
                <c:pt idx="635">
                  <c:v>47.55</c:v>
                </c:pt>
                <c:pt idx="636">
                  <c:v>47.09</c:v>
                </c:pt>
                <c:pt idx="637">
                  <c:v>45.45</c:v>
                </c:pt>
                <c:pt idx="638">
                  <c:v>47.77</c:v>
                </c:pt>
                <c:pt idx="639">
                  <c:v>48.94</c:v>
                </c:pt>
                <c:pt idx="640">
                  <c:v>49.47</c:v>
                </c:pt>
                <c:pt idx="641">
                  <c:v>48.36</c:v>
                </c:pt>
                <c:pt idx="642">
                  <c:v>49.55</c:v>
                </c:pt>
                <c:pt idx="643">
                  <c:v>46.93</c:v>
                </c:pt>
                <c:pt idx="644">
                  <c:v>46.04</c:v>
                </c:pt>
                <c:pt idx="645">
                  <c:v>47.35</c:v>
                </c:pt>
                <c:pt idx="646">
                  <c:v>48.68</c:v>
                </c:pt>
                <c:pt idx="647">
                  <c:v>48.42</c:v>
                </c:pt>
                <c:pt idx="648">
                  <c:v>49.27</c:v>
                </c:pt>
                <c:pt idx="649">
                  <c:v>48.51</c:v>
                </c:pt>
                <c:pt idx="650">
                  <c:v>46.52</c:v>
                </c:pt>
                <c:pt idx="651">
                  <c:v>47.29</c:v>
                </c:pt>
                <c:pt idx="652">
                  <c:v>44.88</c:v>
                </c:pt>
                <c:pt idx="653">
                  <c:v>44.64</c:v>
                </c:pt>
                <c:pt idx="654">
                  <c:v>44.32</c:v>
                </c:pt>
                <c:pt idx="655">
                  <c:v>46.46</c:v>
                </c:pt>
                <c:pt idx="656">
                  <c:v>45.13</c:v>
                </c:pt>
                <c:pt idx="657">
                  <c:v>45.69</c:v>
                </c:pt>
                <c:pt idx="658">
                  <c:v>46.72</c:v>
                </c:pt>
                <c:pt idx="659">
                  <c:v>45.67</c:v>
                </c:pt>
                <c:pt idx="660">
                  <c:v>45.31</c:v>
                </c:pt>
                <c:pt idx="661">
                  <c:v>45.81</c:v>
                </c:pt>
                <c:pt idx="662">
                  <c:v>44.75</c:v>
                </c:pt>
                <c:pt idx="663">
                  <c:v>44.42</c:v>
                </c:pt>
                <c:pt idx="664">
                  <c:v>43.37</c:v>
                </c:pt>
                <c:pt idx="665">
                  <c:v>43.27</c:v>
                </c:pt>
                <c:pt idx="666">
                  <c:v>42.25</c:v>
                </c:pt>
                <c:pt idx="667">
                  <c:v>41.2</c:v>
                </c:pt>
                <c:pt idx="668">
                  <c:v>41.01</c:v>
                </c:pt>
                <c:pt idx="669">
                  <c:v>40.81</c:v>
                </c:pt>
                <c:pt idx="670">
                  <c:v>40.58</c:v>
                </c:pt>
                <c:pt idx="671">
                  <c:v>42.38</c:v>
                </c:pt>
                <c:pt idx="672">
                  <c:v>43.05</c:v>
                </c:pt>
                <c:pt idx="673">
                  <c:v>43.26</c:v>
                </c:pt>
                <c:pt idx="674">
                  <c:v>44.06</c:v>
                </c:pt>
                <c:pt idx="675">
                  <c:v>43.75</c:v>
                </c:pt>
                <c:pt idx="676">
                  <c:v>42.58</c:v>
                </c:pt>
                <c:pt idx="677">
                  <c:v>44.72</c:v>
                </c:pt>
                <c:pt idx="678">
                  <c:v>46.21</c:v>
                </c:pt>
                <c:pt idx="679">
                  <c:v>47.17</c:v>
                </c:pt>
                <c:pt idx="680">
                  <c:v>48.2</c:v>
                </c:pt>
                <c:pt idx="681">
                  <c:v>49.06</c:v>
                </c:pt>
                <c:pt idx="682">
                  <c:v>50.03</c:v>
                </c:pt>
                <c:pt idx="683">
                  <c:v>49.89</c:v>
                </c:pt>
                <c:pt idx="684">
                  <c:v>48.12</c:v>
                </c:pt>
                <c:pt idx="685">
                  <c:v>48.67</c:v>
                </c:pt>
                <c:pt idx="686">
                  <c:v>48.37</c:v>
                </c:pt>
                <c:pt idx="687">
                  <c:v>48.99</c:v>
                </c:pt>
                <c:pt idx="688">
                  <c:v>49.13</c:v>
                </c:pt>
                <c:pt idx="689">
                  <c:v>48.69</c:v>
                </c:pt>
                <c:pt idx="690">
                  <c:v>47.42</c:v>
                </c:pt>
                <c:pt idx="691">
                  <c:v>46.18</c:v>
                </c:pt>
                <c:pt idx="692">
                  <c:v>45.13</c:v>
                </c:pt>
                <c:pt idx="693">
                  <c:v>45.85</c:v>
                </c:pt>
                <c:pt idx="694">
                  <c:v>46.65</c:v>
                </c:pt>
                <c:pt idx="695">
                  <c:v>46.71</c:v>
                </c:pt>
                <c:pt idx="696">
                  <c:v>47.44</c:v>
                </c:pt>
                <c:pt idx="697">
                  <c:v>48.87</c:v>
                </c:pt>
                <c:pt idx="698">
                  <c:v>46.96</c:v>
                </c:pt>
                <c:pt idx="699">
                  <c:v>47.03</c:v>
                </c:pt>
                <c:pt idx="700">
                  <c:v>45.95</c:v>
                </c:pt>
                <c:pt idx="701">
                  <c:v>44.79</c:v>
                </c:pt>
                <c:pt idx="702">
                  <c:v>45.28</c:v>
                </c:pt>
                <c:pt idx="703">
                  <c:v>44.93</c:v>
                </c:pt>
                <c:pt idx="704">
                  <c:v>44.81</c:v>
                </c:pt>
                <c:pt idx="705">
                  <c:v>44.94</c:v>
                </c:pt>
                <c:pt idx="706">
                  <c:v>45.97</c:v>
                </c:pt>
                <c:pt idx="707">
                  <c:v>46.24</c:v>
                </c:pt>
                <c:pt idx="708">
                  <c:v>44.86</c:v>
                </c:pt>
                <c:pt idx="709">
                  <c:v>45.67</c:v>
                </c:pt>
                <c:pt idx="710">
                  <c:v>44.95</c:v>
                </c:pt>
                <c:pt idx="711">
                  <c:v>47.58</c:v>
                </c:pt>
                <c:pt idx="712">
                  <c:v>47.83</c:v>
                </c:pt>
                <c:pt idx="713">
                  <c:v>47.71</c:v>
                </c:pt>
                <c:pt idx="714">
                  <c:v>49.17</c:v>
                </c:pt>
                <c:pt idx="715">
                  <c:v>49.93</c:v>
                </c:pt>
                <c:pt idx="716">
                  <c:v>50.21</c:v>
                </c:pt>
                <c:pt idx="717">
                  <c:v>51.17</c:v>
                </c:pt>
                <c:pt idx="718">
                  <c:v>50.33</c:v>
                </c:pt>
                <c:pt idx="719">
                  <c:v>51.56</c:v>
                </c:pt>
                <c:pt idx="720">
                  <c:v>51.11</c:v>
                </c:pt>
                <c:pt idx="721">
                  <c:v>49.97</c:v>
                </c:pt>
                <c:pt idx="722">
                  <c:v>50.37</c:v>
                </c:pt>
                <c:pt idx="723">
                  <c:v>50.36</c:v>
                </c:pt>
                <c:pt idx="724">
                  <c:v>49.93</c:v>
                </c:pt>
                <c:pt idx="725">
                  <c:v>50.35</c:v>
                </c:pt>
                <c:pt idx="726">
                  <c:v>50.88</c:v>
                </c:pt>
                <c:pt idx="727">
                  <c:v>49.59</c:v>
                </c:pt>
                <c:pt idx="728">
                  <c:v>50</c:v>
                </c:pt>
                <c:pt idx="729">
                  <c:v>49.64</c:v>
                </c:pt>
                <c:pt idx="730">
                  <c:v>48.28</c:v>
                </c:pt>
                <c:pt idx="731">
                  <c:v>48.3</c:v>
                </c:pt>
                <c:pt idx="732">
                  <c:v>48.57</c:v>
                </c:pt>
                <c:pt idx="733">
                  <c:v>47.97</c:v>
                </c:pt>
                <c:pt idx="734">
                  <c:v>46.69</c:v>
                </c:pt>
                <c:pt idx="735">
                  <c:v>47.87</c:v>
                </c:pt>
                <c:pt idx="736">
                  <c:v>46.88</c:v>
                </c:pt>
                <c:pt idx="737">
                  <c:v>46.37</c:v>
                </c:pt>
                <c:pt idx="738">
                  <c:v>45.57</c:v>
                </c:pt>
                <c:pt idx="739">
                  <c:v>46.14</c:v>
                </c:pt>
                <c:pt idx="740">
                  <c:v>44.96</c:v>
                </c:pt>
                <c:pt idx="741">
                  <c:v>45.19</c:v>
                </c:pt>
                <c:pt idx="742">
                  <c:v>45.02</c:v>
                </c:pt>
                <c:pt idx="743">
                  <c:v>43.77</c:v>
                </c:pt>
                <c:pt idx="744">
                  <c:v>43.73</c:v>
                </c:pt>
                <c:pt idx="745">
                  <c:v>46.04</c:v>
                </c:pt>
                <c:pt idx="746">
                  <c:v>45.72</c:v>
                </c:pt>
                <c:pt idx="747">
                  <c:v>45.15</c:v>
                </c:pt>
                <c:pt idx="748">
                  <c:v>45.91</c:v>
                </c:pt>
                <c:pt idx="749">
                  <c:v>48.05</c:v>
                </c:pt>
                <c:pt idx="750">
                  <c:v>48.5</c:v>
                </c:pt>
                <c:pt idx="751">
                  <c:v>48.54</c:v>
                </c:pt>
                <c:pt idx="752">
                  <c:v>48.21</c:v>
                </c:pt>
                <c:pt idx="753">
                  <c:v>46.58</c:v>
                </c:pt>
                <c:pt idx="754">
                  <c:v>47.59</c:v>
                </c:pt>
                <c:pt idx="755">
                  <c:v>45.94</c:v>
                </c:pt>
                <c:pt idx="756">
                  <c:v>49.86</c:v>
                </c:pt>
                <c:pt idx="757">
                  <c:v>53.01</c:v>
                </c:pt>
                <c:pt idx="758">
                  <c:v>53.87</c:v>
                </c:pt>
                <c:pt idx="759">
                  <c:v>53.38</c:v>
                </c:pt>
                <c:pt idx="760">
                  <c:v>52.95</c:v>
                </c:pt>
                <c:pt idx="761">
                  <c:v>51.95</c:v>
                </c:pt>
                <c:pt idx="762">
                  <c:v>53.09</c:v>
                </c:pt>
                <c:pt idx="763">
                  <c:v>53.59</c:v>
                </c:pt>
                <c:pt idx="764">
                  <c:v>54.51</c:v>
                </c:pt>
                <c:pt idx="765">
                  <c:v>54.37</c:v>
                </c:pt>
                <c:pt idx="766">
                  <c:v>52.98</c:v>
                </c:pt>
                <c:pt idx="767">
                  <c:v>53.41</c:v>
                </c:pt>
                <c:pt idx="768">
                  <c:v>54.5</c:v>
                </c:pt>
                <c:pt idx="769">
                  <c:v>54.39</c:v>
                </c:pt>
                <c:pt idx="770">
                  <c:v>54.91</c:v>
                </c:pt>
                <c:pt idx="771">
                  <c:v>53.84</c:v>
                </c:pt>
                <c:pt idx="772">
                  <c:v>54.2</c:v>
                </c:pt>
                <c:pt idx="773">
                  <c:v>54.38</c:v>
                </c:pt>
                <c:pt idx="774">
                  <c:v>54.47</c:v>
                </c:pt>
                <c:pt idx="775">
                  <c:v>55.38</c:v>
                </c:pt>
                <c:pt idx="776">
                  <c:v>55.28</c:v>
                </c:pt>
                <c:pt idx="777">
                  <c:v>55.57</c:v>
                </c:pt>
                <c:pt idx="778">
                  <c:v>55.41</c:v>
                </c:pt>
                <c:pt idx="779">
                  <c:v>56.15</c:v>
                </c:pt>
                <c:pt idx="780">
                  <c:v>54.98</c:v>
                </c:pt>
                <c:pt idx="781">
                  <c:v>55.79</c:v>
                </c:pt>
                <c:pt idx="782">
                  <c:v>56.42</c:v>
                </c:pt>
                <c:pt idx="783">
                  <c:v>56.33</c:v>
                </c:pt>
                <c:pt idx="784">
                  <c:v>54.07</c:v>
                </c:pt>
                <c:pt idx="785">
                  <c:v>52.88</c:v>
                </c:pt>
                <c:pt idx="786">
                  <c:v>54.42</c:v>
                </c:pt>
                <c:pt idx="787">
                  <c:v>55.6</c:v>
                </c:pt>
                <c:pt idx="788">
                  <c:v>55.14</c:v>
                </c:pt>
                <c:pt idx="789">
                  <c:v>55.03</c:v>
                </c:pt>
                <c:pt idx="790">
                  <c:v>54.94</c:v>
                </c:pt>
                <c:pt idx="791">
                  <c:v>53.62</c:v>
                </c:pt>
                <c:pt idx="792">
                  <c:v>53.59</c:v>
                </c:pt>
                <c:pt idx="793">
                  <c:v>54.94</c:v>
                </c:pt>
                <c:pt idx="794">
                  <c:v>54.81</c:v>
                </c:pt>
                <c:pt idx="795">
                  <c:v>54.68</c:v>
                </c:pt>
                <c:pt idx="796">
                  <c:v>54.71</c:v>
                </c:pt>
                <c:pt idx="797">
                  <c:v>55.54</c:v>
                </c:pt>
                <c:pt idx="798">
                  <c:v>54.86</c:v>
                </c:pt>
                <c:pt idx="799">
                  <c:v>54.46</c:v>
                </c:pt>
                <c:pt idx="800">
                  <c:v>54.68</c:v>
                </c:pt>
                <c:pt idx="801">
                  <c:v>56.14</c:v>
                </c:pt>
                <c:pt idx="802">
                  <c:v>56.37</c:v>
                </c:pt>
                <c:pt idx="803">
                  <c:v>56.46</c:v>
                </c:pt>
                <c:pt idx="804">
                  <c:v>55.35</c:v>
                </c:pt>
                <c:pt idx="805">
                  <c:v>53.93</c:v>
                </c:pt>
                <c:pt idx="806">
                  <c:v>54.61</c:v>
                </c:pt>
                <c:pt idx="807">
                  <c:v>55.23</c:v>
                </c:pt>
                <c:pt idx="808">
                  <c:v>56</c:v>
                </c:pt>
                <c:pt idx="809">
                  <c:v>55.06</c:v>
                </c:pt>
                <c:pt idx="810">
                  <c:v>55.14</c:v>
                </c:pt>
                <c:pt idx="811">
                  <c:v>55.07</c:v>
                </c:pt>
                <c:pt idx="812">
                  <c:v>55.08</c:v>
                </c:pt>
                <c:pt idx="813">
                  <c:v>55.09</c:v>
                </c:pt>
                <c:pt idx="814">
                  <c:v>55.49</c:v>
                </c:pt>
                <c:pt idx="815">
                  <c:v>56.11</c:v>
                </c:pt>
                <c:pt idx="816">
                  <c:v>55.9</c:v>
                </c:pt>
                <c:pt idx="817">
                  <c:v>56.2</c:v>
                </c:pt>
                <c:pt idx="818">
                  <c:v>55.54</c:v>
                </c:pt>
                <c:pt idx="819">
                  <c:v>55.54</c:v>
                </c:pt>
                <c:pt idx="820">
                  <c:v>55.56</c:v>
                </c:pt>
                <c:pt idx="821">
                  <c:v>55.65</c:v>
                </c:pt>
                <c:pt idx="822">
                  <c:v>54.39</c:v>
                </c:pt>
                <c:pt idx="823">
                  <c:v>55</c:v>
                </c:pt>
                <c:pt idx="824">
                  <c:v>55.14</c:v>
                </c:pt>
                <c:pt idx="825">
                  <c:v>54.82</c:v>
                </c:pt>
                <c:pt idx="826">
                  <c:v>52.54</c:v>
                </c:pt>
                <c:pt idx="827">
                  <c:v>51.85</c:v>
                </c:pt>
                <c:pt idx="828">
                  <c:v>50.66</c:v>
                </c:pt>
                <c:pt idx="829">
                  <c:v>50.79</c:v>
                </c:pt>
                <c:pt idx="830">
                  <c:v>51.04</c:v>
                </c:pt>
                <c:pt idx="831">
                  <c:v>51.5</c:v>
                </c:pt>
                <c:pt idx="832">
                  <c:v>51.2</c:v>
                </c:pt>
                <c:pt idx="833">
                  <c:v>51.22</c:v>
                </c:pt>
                <c:pt idx="834">
                  <c:v>51.12</c:v>
                </c:pt>
                <c:pt idx="835">
                  <c:v>50.32</c:v>
                </c:pt>
                <c:pt idx="836">
                  <c:v>50.14</c:v>
                </c:pt>
                <c:pt idx="837">
                  <c:v>49.92</c:v>
                </c:pt>
                <c:pt idx="838">
                  <c:v>50.49</c:v>
                </c:pt>
                <c:pt idx="839">
                  <c:v>50.3</c:v>
                </c:pt>
                <c:pt idx="840">
                  <c:v>50.65</c:v>
                </c:pt>
                <c:pt idx="841">
                  <c:v>51.66</c:v>
                </c:pt>
                <c:pt idx="842">
                  <c:v>52.16</c:v>
                </c:pt>
                <c:pt idx="843">
                  <c:v>52.71</c:v>
                </c:pt>
                <c:pt idx="844">
                  <c:v>52.3</c:v>
                </c:pt>
                <c:pt idx="845">
                  <c:v>53.39</c:v>
                </c:pt>
                <c:pt idx="846">
                  <c:v>53.13</c:v>
                </c:pt>
                <c:pt idx="847">
                  <c:v>54.06</c:v>
                </c:pt>
                <c:pt idx="848">
                  <c:v>54.24</c:v>
                </c:pt>
                <c:pt idx="849">
                  <c:v>55.18</c:v>
                </c:pt>
                <c:pt idx="850">
                  <c:v>55.33</c:v>
                </c:pt>
                <c:pt idx="851">
                  <c:v>54.73</c:v>
                </c:pt>
                <c:pt idx="852">
                  <c:v>54.7</c:v>
                </c:pt>
                <c:pt idx="853">
                  <c:v>54.8</c:v>
                </c:pt>
                <c:pt idx="854">
                  <c:v>54.09</c:v>
                </c:pt>
                <c:pt idx="855">
                  <c:v>52.27</c:v>
                </c:pt>
                <c:pt idx="856">
                  <c:v>51.96</c:v>
                </c:pt>
                <c:pt idx="857">
                  <c:v>51.15</c:v>
                </c:pt>
                <c:pt idx="858">
                  <c:v>51.12</c:v>
                </c:pt>
                <c:pt idx="859">
                  <c:v>51.38</c:v>
                </c:pt>
                <c:pt idx="860">
                  <c:v>51.11</c:v>
                </c:pt>
                <c:pt idx="861">
                  <c:v>50.75</c:v>
                </c:pt>
                <c:pt idx="862">
                  <c:v>50.88</c:v>
                </c:pt>
                <c:pt idx="863">
                  <c:v>50.75</c:v>
                </c:pt>
                <c:pt idx="864">
                  <c:v>50.59</c:v>
                </c:pt>
                <c:pt idx="865">
                  <c:v>49.99</c:v>
                </c:pt>
                <c:pt idx="866">
                  <c:v>47.76</c:v>
                </c:pt>
                <c:pt idx="867">
                  <c:v>48.89</c:v>
                </c:pt>
                <c:pt idx="868">
                  <c:v>48.8</c:v>
                </c:pt>
                <c:pt idx="869">
                  <c:v>48.16</c:v>
                </c:pt>
                <c:pt idx="870">
                  <c:v>49.68</c:v>
                </c:pt>
                <c:pt idx="871">
                  <c:v>50.18</c:v>
                </c:pt>
                <c:pt idx="872">
                  <c:v>50.32</c:v>
                </c:pt>
                <c:pt idx="873">
                  <c:v>51.31</c:v>
                </c:pt>
                <c:pt idx="874">
                  <c:v>50.76</c:v>
                </c:pt>
                <c:pt idx="875">
                  <c:v>51.43</c:v>
                </c:pt>
                <c:pt idx="876">
                  <c:v>51.95</c:v>
                </c:pt>
                <c:pt idx="877">
                  <c:v>53.36</c:v>
                </c:pt>
                <c:pt idx="878">
                  <c:v>53.31</c:v>
                </c:pt>
                <c:pt idx="879">
                  <c:v>53.66</c:v>
                </c:pt>
                <c:pt idx="880">
                  <c:v>53.39</c:v>
                </c:pt>
                <c:pt idx="881">
                  <c:v>50.84</c:v>
                </c:pt>
                <c:pt idx="882">
                  <c:v>51.75</c:v>
                </c:pt>
                <c:pt idx="883">
                  <c:v>51.78</c:v>
                </c:pt>
                <c:pt idx="884">
                  <c:v>51.29</c:v>
                </c:pt>
                <c:pt idx="885">
                  <c:v>50.08</c:v>
                </c:pt>
                <c:pt idx="886">
                  <c:v>49.66</c:v>
                </c:pt>
                <c:pt idx="887">
                  <c:v>49.35</c:v>
                </c:pt>
                <c:pt idx="888">
                  <c:v>48.81</c:v>
                </c:pt>
                <c:pt idx="889">
                  <c:v>49.18</c:v>
                </c:pt>
                <c:pt idx="890">
                  <c:v>47.48</c:v>
                </c:pt>
                <c:pt idx="891">
                  <c:v>47.09</c:v>
                </c:pt>
                <c:pt idx="892">
                  <c:v>47.55</c:v>
                </c:pt>
                <c:pt idx="893">
                  <c:v>47.49</c:v>
                </c:pt>
                <c:pt idx="894">
                  <c:v>47.38</c:v>
                </c:pt>
                <c:pt idx="895">
                  <c:v>46.23</c:v>
                </c:pt>
                <c:pt idx="896">
                  <c:v>46.04</c:v>
                </c:pt>
                <c:pt idx="897">
                  <c:v>46.65</c:v>
                </c:pt>
                <c:pt idx="898">
                  <c:v>46.3</c:v>
                </c:pt>
                <c:pt idx="899">
                  <c:v>45.22</c:v>
                </c:pt>
                <c:pt idx="900">
                  <c:v>44.21</c:v>
                </c:pt>
                <c:pt idx="901">
                  <c:v>44.73</c:v>
                </c:pt>
                <c:pt idx="902">
                  <c:v>45.18</c:v>
                </c:pt>
                <c:pt idx="903">
                  <c:v>45.44</c:v>
                </c:pt>
                <c:pt idx="904">
                  <c:v>45.7</c:v>
                </c:pt>
                <c:pt idx="905">
                  <c:v>46.97</c:v>
                </c:pt>
                <c:pt idx="906">
                  <c:v>46.79</c:v>
                </c:pt>
                <c:pt idx="907">
                  <c:v>48.23</c:v>
                </c:pt>
                <c:pt idx="908">
                  <c:v>49.1</c:v>
                </c:pt>
                <c:pt idx="909">
                  <c:v>49.25</c:v>
                </c:pt>
                <c:pt idx="910">
                  <c:v>47.78</c:v>
                </c:pt>
                <c:pt idx="911">
                  <c:v>47.57</c:v>
                </c:pt>
                <c:pt idx="912">
                  <c:v>46.53</c:v>
                </c:pt>
                <c:pt idx="913">
                  <c:v>46.53</c:v>
                </c:pt>
                <c:pt idx="914">
                  <c:v>47.52</c:v>
                </c:pt>
                <c:pt idx="915">
                  <c:v>47.05</c:v>
                </c:pt>
                <c:pt idx="916">
                  <c:v>47.78</c:v>
                </c:pt>
                <c:pt idx="917">
                  <c:v>48.58</c:v>
                </c:pt>
                <c:pt idx="918">
                  <c:v>47.75</c:v>
                </c:pt>
                <c:pt idx="919">
                  <c:v>48.11</c:v>
                </c:pt>
                <c:pt idx="920">
                  <c:v>49.13</c:v>
                </c:pt>
                <c:pt idx="921">
                  <c:v>48.69</c:v>
                </c:pt>
                <c:pt idx="922">
                  <c:v>47.39</c:v>
                </c:pt>
                <c:pt idx="923">
                  <c:v>48.23</c:v>
                </c:pt>
                <c:pt idx="924">
                  <c:v>50.26</c:v>
                </c:pt>
                <c:pt idx="925">
                  <c:v>50.43</c:v>
                </c:pt>
                <c:pt idx="926">
                  <c:v>50.98</c:v>
                </c:pt>
                <c:pt idx="927">
                  <c:v>51.66</c:v>
                </c:pt>
                <c:pt idx="928">
                  <c:v>52.17</c:v>
                </c:pt>
                <c:pt idx="929">
                  <c:v>51.03</c:v>
                </c:pt>
                <c:pt idx="930">
                  <c:v>51.86</c:v>
                </c:pt>
                <c:pt idx="931">
                  <c:v>51.42</c:v>
                </c:pt>
                <c:pt idx="932">
                  <c:v>51.9</c:v>
                </c:pt>
                <c:pt idx="933">
                  <c:v>51.83</c:v>
                </c:pt>
                <c:pt idx="934">
                  <c:v>51.54</c:v>
                </c:pt>
                <c:pt idx="935">
                  <c:v>52.34</c:v>
                </c:pt>
                <c:pt idx="936">
                  <c:v>51.42</c:v>
                </c:pt>
                <c:pt idx="937">
                  <c:v>51.75</c:v>
                </c:pt>
                <c:pt idx="938">
                  <c:v>50.32</c:v>
                </c:pt>
                <c:pt idx="939">
                  <c:v>50.52</c:v>
                </c:pt>
                <c:pt idx="940">
                  <c:v>49.94</c:v>
                </c:pt>
                <c:pt idx="941">
                  <c:v>50.34</c:v>
                </c:pt>
                <c:pt idx="942">
                  <c:v>52.47</c:v>
                </c:pt>
                <c:pt idx="943">
                  <c:v>51.24</c:v>
                </c:pt>
                <c:pt idx="944">
                  <c:v>51.14</c:v>
                </c:pt>
                <c:pt idx="945">
                  <c:v>51.83</c:v>
                </c:pt>
                <c:pt idx="946">
                  <c:v>51.52</c:v>
                </c:pt>
                <c:pt idx="947">
                  <c:v>51.7</c:v>
                </c:pt>
                <c:pt idx="948">
                  <c:v>51.32</c:v>
                </c:pt>
                <c:pt idx="949">
                  <c:v>51.35</c:v>
                </c:pt>
                <c:pt idx="950">
                  <c:v>50.31</c:v>
                </c:pt>
                <c:pt idx="951">
                  <c:v>52.41</c:v>
                </c:pt>
                <c:pt idx="952">
                  <c:v>52.41</c:v>
                </c:pt>
                <c:pt idx="953">
                  <c:v>51.87</c:v>
                </c:pt>
                <c:pt idx="954">
                  <c:v>52.9</c:v>
                </c:pt>
                <c:pt idx="955">
                  <c:v>53.83</c:v>
                </c:pt>
                <c:pt idx="956">
                  <c:v>54.27</c:v>
                </c:pt>
                <c:pt idx="957">
                  <c:v>53.58</c:v>
                </c:pt>
                <c:pt idx="958">
                  <c:v>53.76</c:v>
                </c:pt>
                <c:pt idx="959">
                  <c:v>54.1</c:v>
                </c:pt>
                <c:pt idx="960">
                  <c:v>54.9</c:v>
                </c:pt>
                <c:pt idx="961">
                  <c:v>55.09</c:v>
                </c:pt>
                <c:pt idx="962">
                  <c:v>55.3</c:v>
                </c:pt>
                <c:pt idx="963">
                  <c:v>55.08</c:v>
                </c:pt>
                <c:pt idx="964">
                  <c:v>54.9</c:v>
                </c:pt>
                <c:pt idx="965">
                  <c:v>55.68</c:v>
                </c:pt>
                <c:pt idx="966">
                  <c:v>55.92</c:v>
                </c:pt>
                <c:pt idx="967">
                  <c:v>56.64</c:v>
                </c:pt>
                <c:pt idx="968">
                  <c:v>58.86</c:v>
                </c:pt>
                <c:pt idx="969">
                  <c:v>57.95</c:v>
                </c:pt>
                <c:pt idx="970">
                  <c:v>57.49</c:v>
                </c:pt>
                <c:pt idx="971">
                  <c:v>57.36</c:v>
                </c:pt>
                <c:pt idx="972">
                  <c:v>56.53</c:v>
                </c:pt>
                <c:pt idx="973">
                  <c:v>56.03</c:v>
                </c:pt>
                <c:pt idx="974">
                  <c:v>55.79</c:v>
                </c:pt>
                <c:pt idx="975">
                  <c:v>55.82</c:v>
                </c:pt>
                <c:pt idx="976">
                  <c:v>57.09</c:v>
                </c:pt>
                <c:pt idx="977">
                  <c:v>55.65</c:v>
                </c:pt>
                <c:pt idx="978">
                  <c:v>55.69</c:v>
                </c:pt>
                <c:pt idx="979">
                  <c:v>56.49</c:v>
                </c:pt>
                <c:pt idx="980">
                  <c:v>56.58</c:v>
                </c:pt>
                <c:pt idx="981">
                  <c:v>56.3</c:v>
                </c:pt>
                <c:pt idx="982">
                  <c:v>57.07</c:v>
                </c:pt>
                <c:pt idx="983">
                  <c:v>57.92</c:v>
                </c:pt>
                <c:pt idx="984">
                  <c:v>58.19</c:v>
                </c:pt>
                <c:pt idx="985">
                  <c:v>58.44</c:v>
                </c:pt>
                <c:pt idx="986">
                  <c:v>57.57</c:v>
                </c:pt>
                <c:pt idx="987">
                  <c:v>58.2</c:v>
                </c:pt>
                <c:pt idx="988">
                  <c:v>57.35</c:v>
                </c:pt>
                <c:pt idx="989">
                  <c:v>58.13</c:v>
                </c:pt>
                <c:pt idx="990">
                  <c:v>58.19</c:v>
                </c:pt>
                <c:pt idx="991">
                  <c:v>59.17</c:v>
                </c:pt>
                <c:pt idx="992">
                  <c:v>60.34</c:v>
                </c:pt>
                <c:pt idx="993">
                  <c:v>60.64</c:v>
                </c:pt>
                <c:pt idx="994">
                  <c:v>60.94</c:v>
                </c:pt>
                <c:pt idx="995">
                  <c:v>60.48</c:v>
                </c:pt>
                <c:pt idx="996">
                  <c:v>60.63</c:v>
                </c:pt>
                <c:pt idx="997">
                  <c:v>62.02</c:v>
                </c:pt>
                <c:pt idx="998">
                  <c:v>64.13</c:v>
                </c:pt>
                <c:pt idx="999">
                  <c:v>63.63</c:v>
                </c:pt>
                <c:pt idx="1000">
                  <c:v>63.43</c:v>
                </c:pt>
                <c:pt idx="1001">
                  <c:v>63.71</c:v>
                </c:pt>
                <c:pt idx="1002">
                  <c:v>63.49</c:v>
                </c:pt>
                <c:pt idx="1003">
                  <c:v>62.84</c:v>
                </c:pt>
                <c:pt idx="1004">
                  <c:v>60.98</c:v>
                </c:pt>
                <c:pt idx="1005">
                  <c:v>61.54</c:v>
                </c:pt>
                <c:pt idx="1006">
                  <c:v>61.06</c:v>
                </c:pt>
                <c:pt idx="1007">
                  <c:v>62.32</c:v>
                </c:pt>
                <c:pt idx="1008">
                  <c:v>61.97</c:v>
                </c:pt>
                <c:pt idx="1009">
                  <c:v>62.51</c:v>
                </c:pt>
                <c:pt idx="1010">
                  <c:v>63.14</c:v>
                </c:pt>
                <c:pt idx="1011">
                  <c:v>63.26</c:v>
                </c:pt>
                <c:pt idx="1012">
                  <c:v>63.48</c:v>
                </c:pt>
                <c:pt idx="1013">
                  <c:v>63.48</c:v>
                </c:pt>
                <c:pt idx="1014">
                  <c:v>63.06</c:v>
                </c:pt>
                <c:pt idx="1015">
                  <c:v>62.72</c:v>
                </c:pt>
                <c:pt idx="1016">
                  <c:v>62.78</c:v>
                </c:pt>
                <c:pt idx="1017">
                  <c:v>63.67</c:v>
                </c:pt>
                <c:pt idx="1018">
                  <c:v>62.39</c:v>
                </c:pt>
                <c:pt idx="1019">
                  <c:v>62.62</c:v>
                </c:pt>
                <c:pt idx="1020">
                  <c:v>61.31</c:v>
                </c:pt>
                <c:pt idx="1021">
                  <c:v>62.31</c:v>
                </c:pt>
                <c:pt idx="1022">
                  <c:v>63.67</c:v>
                </c:pt>
                <c:pt idx="1023">
                  <c:v>65.209999999999994</c:v>
                </c:pt>
                <c:pt idx="1024">
                  <c:v>64.78</c:v>
                </c:pt>
                <c:pt idx="1025">
                  <c:v>63.25</c:v>
                </c:pt>
                <c:pt idx="1026">
                  <c:v>64.040000000000006</c:v>
                </c:pt>
                <c:pt idx="1027">
                  <c:v>63.8</c:v>
                </c:pt>
                <c:pt idx="1028">
                  <c:v>63.55</c:v>
                </c:pt>
                <c:pt idx="1029">
                  <c:v>63.97</c:v>
                </c:pt>
                <c:pt idx="1030">
                  <c:v>64.33</c:v>
                </c:pt>
                <c:pt idx="1031">
                  <c:v>64.5</c:v>
                </c:pt>
                <c:pt idx="1032">
                  <c:v>64.7</c:v>
                </c:pt>
                <c:pt idx="1033">
                  <c:v>64.680000000000007</c:v>
                </c:pt>
                <c:pt idx="1034">
                  <c:v>66.400000000000006</c:v>
                </c:pt>
                <c:pt idx="1035">
                  <c:v>66.06</c:v>
                </c:pt>
                <c:pt idx="1036">
                  <c:v>66.39</c:v>
                </c:pt>
                <c:pt idx="1037">
                  <c:v>66.819999999999993</c:v>
                </c:pt>
                <c:pt idx="1038">
                  <c:v>66.78</c:v>
                </c:pt>
                <c:pt idx="1039">
                  <c:v>66.69</c:v>
                </c:pt>
                <c:pt idx="1040">
                  <c:v>68.260000000000005</c:v>
                </c:pt>
                <c:pt idx="1041">
                  <c:v>68.349999999999994</c:v>
                </c:pt>
                <c:pt idx="1042">
                  <c:v>68.08</c:v>
                </c:pt>
                <c:pt idx="1043">
                  <c:v>68.209999999999994</c:v>
                </c:pt>
                <c:pt idx="1044">
                  <c:v>69.45</c:v>
                </c:pt>
                <c:pt idx="1045">
                  <c:v>69.3</c:v>
                </c:pt>
                <c:pt idx="1046">
                  <c:v>69.36</c:v>
                </c:pt>
                <c:pt idx="1047">
                  <c:v>70.03</c:v>
                </c:pt>
                <c:pt idx="1048">
                  <c:v>70.38</c:v>
                </c:pt>
                <c:pt idx="1049">
                  <c:v>69.33</c:v>
                </c:pt>
                <c:pt idx="1050">
                  <c:v>69.42</c:v>
                </c:pt>
                <c:pt idx="1051">
                  <c:v>69.13</c:v>
                </c:pt>
                <c:pt idx="1052">
                  <c:v>68.680000000000007</c:v>
                </c:pt>
                <c:pt idx="1053">
                  <c:v>69.06</c:v>
                </c:pt>
                <c:pt idx="1054">
                  <c:v>69.61</c:v>
                </c:pt>
                <c:pt idx="1055">
                  <c:v>70.42</c:v>
                </c:pt>
                <c:pt idx="1056">
                  <c:v>69.86</c:v>
                </c:pt>
                <c:pt idx="1057">
                  <c:v>70.17</c:v>
                </c:pt>
                <c:pt idx="1058">
                  <c:v>69.2</c:v>
                </c:pt>
                <c:pt idx="1059">
                  <c:v>68.09</c:v>
                </c:pt>
                <c:pt idx="1060">
                  <c:v>68.83</c:v>
                </c:pt>
                <c:pt idx="1061">
                  <c:v>69.819999999999993</c:v>
                </c:pt>
                <c:pt idx="1062">
                  <c:v>68.05</c:v>
                </c:pt>
                <c:pt idx="1063">
                  <c:v>66.89</c:v>
                </c:pt>
                <c:pt idx="1064">
                  <c:v>67.19</c:v>
                </c:pt>
                <c:pt idx="1065">
                  <c:v>65.48</c:v>
                </c:pt>
                <c:pt idx="1066">
                  <c:v>64.099999999999994</c:v>
                </c:pt>
                <c:pt idx="1067">
                  <c:v>62.42</c:v>
                </c:pt>
                <c:pt idx="1068">
                  <c:v>62.4</c:v>
                </c:pt>
                <c:pt idx="1069">
                  <c:v>62.33</c:v>
                </c:pt>
                <c:pt idx="1070">
                  <c:v>64.209999999999994</c:v>
                </c:pt>
                <c:pt idx="1071">
                  <c:v>64.3</c:v>
                </c:pt>
                <c:pt idx="1072">
                  <c:v>64.8</c:v>
                </c:pt>
                <c:pt idx="1073">
                  <c:v>65.39</c:v>
                </c:pt>
                <c:pt idx="1074">
                  <c:v>64.86</c:v>
                </c:pt>
                <c:pt idx="1075">
                  <c:v>64.92</c:v>
                </c:pt>
                <c:pt idx="1076">
                  <c:v>66.05</c:v>
                </c:pt>
                <c:pt idx="1077">
                  <c:v>67.099999999999994</c:v>
                </c:pt>
                <c:pt idx="1078">
                  <c:v>67.31</c:v>
                </c:pt>
                <c:pt idx="1079">
                  <c:v>66.36</c:v>
                </c:pt>
                <c:pt idx="1080">
                  <c:v>64.459999999999994</c:v>
                </c:pt>
                <c:pt idx="1081">
                  <c:v>64.02</c:v>
                </c:pt>
                <c:pt idx="1082">
                  <c:v>64.42</c:v>
                </c:pt>
                <c:pt idx="1083">
                  <c:v>65.430000000000007</c:v>
                </c:pt>
                <c:pt idx="1084">
                  <c:v>65.41</c:v>
                </c:pt>
                <c:pt idx="1085">
                  <c:v>64.39</c:v>
                </c:pt>
                <c:pt idx="1086">
                  <c:v>63.59</c:v>
                </c:pt>
                <c:pt idx="1087">
                  <c:v>65.28</c:v>
                </c:pt>
                <c:pt idx="1088">
                  <c:v>64.739999999999995</c:v>
                </c:pt>
                <c:pt idx="1089">
                  <c:v>64.5</c:v>
                </c:pt>
                <c:pt idx="1090">
                  <c:v>64.5</c:v>
                </c:pt>
                <c:pt idx="1091">
                  <c:v>64.52</c:v>
                </c:pt>
              </c:numCache>
            </c:numRef>
          </c:val>
          <c:smooth val="0"/>
          <c:extLst>
            <c:ext xmlns:c16="http://schemas.microsoft.com/office/drawing/2014/chart" uri="{C3380CC4-5D6E-409C-BE32-E72D297353CC}">
              <c16:uniqueId val="{00000001-C40A-4D83-9266-A47BC7263932}"/>
            </c:ext>
          </c:extLst>
        </c:ser>
        <c:ser>
          <c:idx val="1"/>
          <c:order val="1"/>
          <c:tx>
            <c:strRef>
              <c:f>'1 spot crude'!$D$3</c:f>
              <c:strCache>
                <c:ptCount val="1"/>
                <c:pt idx="0">
                  <c:v>Annual average</c:v>
                </c:pt>
              </c:strCache>
            </c:strRef>
          </c:tx>
          <c:spPr>
            <a:ln w="28575" cap="rnd">
              <a:solidFill>
                <a:srgbClr val="F79646">
                  <a:lumMod val="75000"/>
                </a:srgbClr>
              </a:solidFill>
              <a:round/>
            </a:ln>
            <a:effectLst/>
          </c:spPr>
          <c:marker>
            <c:symbol val="none"/>
          </c:marker>
          <c:cat>
            <c:numRef>
              <c:f>'1 spot crude'!$B$4:$B$1561</c:f>
              <c:numCache>
                <c:formatCode>dd/mm/yyyy</c:formatCode>
                <c:ptCount val="1558"/>
                <c:pt idx="0">
                  <c:v>41641</c:v>
                </c:pt>
                <c:pt idx="1">
                  <c:v>41642</c:v>
                </c:pt>
                <c:pt idx="2">
                  <c:v>41645</c:v>
                </c:pt>
                <c:pt idx="3">
                  <c:v>41646</c:v>
                </c:pt>
                <c:pt idx="4">
                  <c:v>41647</c:v>
                </c:pt>
                <c:pt idx="5">
                  <c:v>41648</c:v>
                </c:pt>
                <c:pt idx="6">
                  <c:v>41649</c:v>
                </c:pt>
                <c:pt idx="7">
                  <c:v>41652</c:v>
                </c:pt>
                <c:pt idx="8">
                  <c:v>41653</c:v>
                </c:pt>
                <c:pt idx="9">
                  <c:v>41654</c:v>
                </c:pt>
                <c:pt idx="10">
                  <c:v>41655</c:v>
                </c:pt>
                <c:pt idx="11">
                  <c:v>41656</c:v>
                </c:pt>
                <c:pt idx="12">
                  <c:v>41659</c:v>
                </c:pt>
                <c:pt idx="13">
                  <c:v>41660</c:v>
                </c:pt>
                <c:pt idx="14">
                  <c:v>41661</c:v>
                </c:pt>
                <c:pt idx="15">
                  <c:v>41662</c:v>
                </c:pt>
                <c:pt idx="16">
                  <c:v>41663</c:v>
                </c:pt>
                <c:pt idx="17">
                  <c:v>41666</c:v>
                </c:pt>
                <c:pt idx="18">
                  <c:v>41667</c:v>
                </c:pt>
                <c:pt idx="19">
                  <c:v>41668</c:v>
                </c:pt>
                <c:pt idx="20">
                  <c:v>41669</c:v>
                </c:pt>
                <c:pt idx="21">
                  <c:v>41670</c:v>
                </c:pt>
                <c:pt idx="22">
                  <c:v>41673</c:v>
                </c:pt>
                <c:pt idx="23">
                  <c:v>41674</c:v>
                </c:pt>
                <c:pt idx="24">
                  <c:v>41675</c:v>
                </c:pt>
                <c:pt idx="25">
                  <c:v>41676</c:v>
                </c:pt>
                <c:pt idx="26">
                  <c:v>41677</c:v>
                </c:pt>
                <c:pt idx="27">
                  <c:v>41680</c:v>
                </c:pt>
                <c:pt idx="28">
                  <c:v>41681</c:v>
                </c:pt>
                <c:pt idx="29">
                  <c:v>41682</c:v>
                </c:pt>
                <c:pt idx="30">
                  <c:v>41683</c:v>
                </c:pt>
                <c:pt idx="31">
                  <c:v>41684</c:v>
                </c:pt>
                <c:pt idx="32">
                  <c:v>41687</c:v>
                </c:pt>
                <c:pt idx="33">
                  <c:v>41688</c:v>
                </c:pt>
                <c:pt idx="34">
                  <c:v>41689</c:v>
                </c:pt>
                <c:pt idx="35">
                  <c:v>41690</c:v>
                </c:pt>
                <c:pt idx="36">
                  <c:v>41691</c:v>
                </c:pt>
                <c:pt idx="37">
                  <c:v>41694</c:v>
                </c:pt>
                <c:pt idx="38">
                  <c:v>41695</c:v>
                </c:pt>
                <c:pt idx="39">
                  <c:v>41696</c:v>
                </c:pt>
                <c:pt idx="40">
                  <c:v>41697</c:v>
                </c:pt>
                <c:pt idx="41">
                  <c:v>41698</c:v>
                </c:pt>
                <c:pt idx="42">
                  <c:v>41701</c:v>
                </c:pt>
                <c:pt idx="43">
                  <c:v>41702</c:v>
                </c:pt>
                <c:pt idx="44">
                  <c:v>41703</c:v>
                </c:pt>
                <c:pt idx="45">
                  <c:v>41704</c:v>
                </c:pt>
                <c:pt idx="46">
                  <c:v>41705</c:v>
                </c:pt>
                <c:pt idx="47">
                  <c:v>41708</c:v>
                </c:pt>
                <c:pt idx="48">
                  <c:v>41709</c:v>
                </c:pt>
                <c:pt idx="49">
                  <c:v>41710</c:v>
                </c:pt>
                <c:pt idx="50">
                  <c:v>41711</c:v>
                </c:pt>
                <c:pt idx="51">
                  <c:v>41712</c:v>
                </c:pt>
                <c:pt idx="52">
                  <c:v>41715</c:v>
                </c:pt>
                <c:pt idx="53">
                  <c:v>41716</c:v>
                </c:pt>
                <c:pt idx="54">
                  <c:v>41717</c:v>
                </c:pt>
                <c:pt idx="55">
                  <c:v>41718</c:v>
                </c:pt>
                <c:pt idx="56">
                  <c:v>41719</c:v>
                </c:pt>
                <c:pt idx="57">
                  <c:v>41722</c:v>
                </c:pt>
                <c:pt idx="58">
                  <c:v>41723</c:v>
                </c:pt>
                <c:pt idx="59">
                  <c:v>41724</c:v>
                </c:pt>
                <c:pt idx="60">
                  <c:v>41725</c:v>
                </c:pt>
                <c:pt idx="61">
                  <c:v>41726</c:v>
                </c:pt>
                <c:pt idx="62">
                  <c:v>41729</c:v>
                </c:pt>
                <c:pt idx="63">
                  <c:v>41730</c:v>
                </c:pt>
                <c:pt idx="64">
                  <c:v>41731</c:v>
                </c:pt>
                <c:pt idx="65">
                  <c:v>41732</c:v>
                </c:pt>
                <c:pt idx="66">
                  <c:v>41733</c:v>
                </c:pt>
                <c:pt idx="67">
                  <c:v>41736</c:v>
                </c:pt>
                <c:pt idx="68">
                  <c:v>41737</c:v>
                </c:pt>
                <c:pt idx="69">
                  <c:v>41738</c:v>
                </c:pt>
                <c:pt idx="70">
                  <c:v>41739</c:v>
                </c:pt>
                <c:pt idx="71">
                  <c:v>41740</c:v>
                </c:pt>
                <c:pt idx="72">
                  <c:v>41743</c:v>
                </c:pt>
                <c:pt idx="73">
                  <c:v>41744</c:v>
                </c:pt>
                <c:pt idx="74">
                  <c:v>41745</c:v>
                </c:pt>
                <c:pt idx="75">
                  <c:v>41746</c:v>
                </c:pt>
                <c:pt idx="76">
                  <c:v>41750</c:v>
                </c:pt>
                <c:pt idx="77">
                  <c:v>41751</c:v>
                </c:pt>
                <c:pt idx="78">
                  <c:v>41752</c:v>
                </c:pt>
                <c:pt idx="79">
                  <c:v>41753</c:v>
                </c:pt>
                <c:pt idx="80">
                  <c:v>41754</c:v>
                </c:pt>
                <c:pt idx="81">
                  <c:v>41757</c:v>
                </c:pt>
                <c:pt idx="82">
                  <c:v>41758</c:v>
                </c:pt>
                <c:pt idx="83">
                  <c:v>41759</c:v>
                </c:pt>
                <c:pt idx="84">
                  <c:v>41760</c:v>
                </c:pt>
                <c:pt idx="85">
                  <c:v>41761</c:v>
                </c:pt>
                <c:pt idx="86">
                  <c:v>41764</c:v>
                </c:pt>
                <c:pt idx="87">
                  <c:v>41765</c:v>
                </c:pt>
                <c:pt idx="88">
                  <c:v>41766</c:v>
                </c:pt>
                <c:pt idx="89">
                  <c:v>41767</c:v>
                </c:pt>
                <c:pt idx="90">
                  <c:v>41768</c:v>
                </c:pt>
                <c:pt idx="91">
                  <c:v>41771</c:v>
                </c:pt>
                <c:pt idx="92">
                  <c:v>41772</c:v>
                </c:pt>
                <c:pt idx="93">
                  <c:v>41773</c:v>
                </c:pt>
                <c:pt idx="94">
                  <c:v>41774</c:v>
                </c:pt>
                <c:pt idx="95">
                  <c:v>41775</c:v>
                </c:pt>
                <c:pt idx="96">
                  <c:v>41778</c:v>
                </c:pt>
                <c:pt idx="97">
                  <c:v>41779</c:v>
                </c:pt>
                <c:pt idx="98">
                  <c:v>41780</c:v>
                </c:pt>
                <c:pt idx="99">
                  <c:v>41781</c:v>
                </c:pt>
                <c:pt idx="100">
                  <c:v>41782</c:v>
                </c:pt>
                <c:pt idx="101">
                  <c:v>41785</c:v>
                </c:pt>
                <c:pt idx="102">
                  <c:v>41786</c:v>
                </c:pt>
                <c:pt idx="103">
                  <c:v>41787</c:v>
                </c:pt>
                <c:pt idx="104">
                  <c:v>41788</c:v>
                </c:pt>
                <c:pt idx="105">
                  <c:v>41789</c:v>
                </c:pt>
                <c:pt idx="106">
                  <c:v>41792</c:v>
                </c:pt>
                <c:pt idx="107">
                  <c:v>41793</c:v>
                </c:pt>
                <c:pt idx="108">
                  <c:v>41794</c:v>
                </c:pt>
                <c:pt idx="109">
                  <c:v>41795</c:v>
                </c:pt>
                <c:pt idx="110">
                  <c:v>41796</c:v>
                </c:pt>
                <c:pt idx="111">
                  <c:v>41799</c:v>
                </c:pt>
                <c:pt idx="112">
                  <c:v>41800</c:v>
                </c:pt>
                <c:pt idx="113">
                  <c:v>41801</c:v>
                </c:pt>
                <c:pt idx="114">
                  <c:v>41802</c:v>
                </c:pt>
                <c:pt idx="115">
                  <c:v>41803</c:v>
                </c:pt>
                <c:pt idx="116">
                  <c:v>41806</c:v>
                </c:pt>
                <c:pt idx="117">
                  <c:v>41807</c:v>
                </c:pt>
                <c:pt idx="118">
                  <c:v>41808</c:v>
                </c:pt>
                <c:pt idx="119">
                  <c:v>41809</c:v>
                </c:pt>
                <c:pt idx="120">
                  <c:v>41810</c:v>
                </c:pt>
                <c:pt idx="121">
                  <c:v>41813</c:v>
                </c:pt>
                <c:pt idx="122">
                  <c:v>41814</c:v>
                </c:pt>
                <c:pt idx="123">
                  <c:v>41815</c:v>
                </c:pt>
                <c:pt idx="124">
                  <c:v>41816</c:v>
                </c:pt>
                <c:pt idx="125">
                  <c:v>41817</c:v>
                </c:pt>
                <c:pt idx="126">
                  <c:v>41820</c:v>
                </c:pt>
                <c:pt idx="127">
                  <c:v>41821</c:v>
                </c:pt>
                <c:pt idx="128">
                  <c:v>41822</c:v>
                </c:pt>
                <c:pt idx="129">
                  <c:v>41823</c:v>
                </c:pt>
                <c:pt idx="130">
                  <c:v>41824</c:v>
                </c:pt>
                <c:pt idx="131">
                  <c:v>41827</c:v>
                </c:pt>
                <c:pt idx="132">
                  <c:v>41828</c:v>
                </c:pt>
                <c:pt idx="133">
                  <c:v>41829</c:v>
                </c:pt>
                <c:pt idx="134">
                  <c:v>41830</c:v>
                </c:pt>
                <c:pt idx="135">
                  <c:v>41831</c:v>
                </c:pt>
                <c:pt idx="136">
                  <c:v>41834</c:v>
                </c:pt>
                <c:pt idx="137">
                  <c:v>41835</c:v>
                </c:pt>
                <c:pt idx="138">
                  <c:v>41836</c:v>
                </c:pt>
                <c:pt idx="139">
                  <c:v>41837</c:v>
                </c:pt>
                <c:pt idx="140">
                  <c:v>41838</c:v>
                </c:pt>
                <c:pt idx="141">
                  <c:v>41841</c:v>
                </c:pt>
                <c:pt idx="142">
                  <c:v>41842</c:v>
                </c:pt>
                <c:pt idx="143">
                  <c:v>41843</c:v>
                </c:pt>
                <c:pt idx="144">
                  <c:v>41844</c:v>
                </c:pt>
                <c:pt idx="145">
                  <c:v>41845</c:v>
                </c:pt>
                <c:pt idx="146">
                  <c:v>41848</c:v>
                </c:pt>
                <c:pt idx="147">
                  <c:v>41849</c:v>
                </c:pt>
                <c:pt idx="148">
                  <c:v>41850</c:v>
                </c:pt>
                <c:pt idx="149">
                  <c:v>41851</c:v>
                </c:pt>
                <c:pt idx="150">
                  <c:v>41852</c:v>
                </c:pt>
                <c:pt idx="151">
                  <c:v>41855</c:v>
                </c:pt>
                <c:pt idx="152">
                  <c:v>41856</c:v>
                </c:pt>
                <c:pt idx="153">
                  <c:v>41857</c:v>
                </c:pt>
                <c:pt idx="154">
                  <c:v>41858</c:v>
                </c:pt>
                <c:pt idx="155">
                  <c:v>41859</c:v>
                </c:pt>
                <c:pt idx="156">
                  <c:v>41862</c:v>
                </c:pt>
                <c:pt idx="157">
                  <c:v>41863</c:v>
                </c:pt>
                <c:pt idx="158">
                  <c:v>41864</c:v>
                </c:pt>
                <c:pt idx="159">
                  <c:v>41865</c:v>
                </c:pt>
                <c:pt idx="160">
                  <c:v>41866</c:v>
                </c:pt>
                <c:pt idx="161">
                  <c:v>41869</c:v>
                </c:pt>
                <c:pt idx="162">
                  <c:v>41870</c:v>
                </c:pt>
                <c:pt idx="163">
                  <c:v>41871</c:v>
                </c:pt>
                <c:pt idx="164">
                  <c:v>41872</c:v>
                </c:pt>
                <c:pt idx="165">
                  <c:v>41873</c:v>
                </c:pt>
                <c:pt idx="166">
                  <c:v>41876</c:v>
                </c:pt>
                <c:pt idx="167">
                  <c:v>41877</c:v>
                </c:pt>
                <c:pt idx="168">
                  <c:v>41878</c:v>
                </c:pt>
                <c:pt idx="169">
                  <c:v>41879</c:v>
                </c:pt>
                <c:pt idx="170">
                  <c:v>41880</c:v>
                </c:pt>
                <c:pt idx="171">
                  <c:v>41883</c:v>
                </c:pt>
                <c:pt idx="172">
                  <c:v>41884</c:v>
                </c:pt>
                <c:pt idx="173">
                  <c:v>41885</c:v>
                </c:pt>
                <c:pt idx="174">
                  <c:v>41886</c:v>
                </c:pt>
                <c:pt idx="175">
                  <c:v>41887</c:v>
                </c:pt>
                <c:pt idx="176">
                  <c:v>41890</c:v>
                </c:pt>
                <c:pt idx="177">
                  <c:v>41891</c:v>
                </c:pt>
                <c:pt idx="178">
                  <c:v>41892</c:v>
                </c:pt>
                <c:pt idx="179">
                  <c:v>41893</c:v>
                </c:pt>
                <c:pt idx="180">
                  <c:v>41894</c:v>
                </c:pt>
                <c:pt idx="181">
                  <c:v>41897</c:v>
                </c:pt>
                <c:pt idx="182">
                  <c:v>41898</c:v>
                </c:pt>
                <c:pt idx="183">
                  <c:v>41899</c:v>
                </c:pt>
                <c:pt idx="184">
                  <c:v>41900</c:v>
                </c:pt>
                <c:pt idx="185">
                  <c:v>41901</c:v>
                </c:pt>
                <c:pt idx="186">
                  <c:v>41904</c:v>
                </c:pt>
                <c:pt idx="187">
                  <c:v>41905</c:v>
                </c:pt>
                <c:pt idx="188">
                  <c:v>41906</c:v>
                </c:pt>
                <c:pt idx="189">
                  <c:v>41907</c:v>
                </c:pt>
                <c:pt idx="190">
                  <c:v>41908</c:v>
                </c:pt>
                <c:pt idx="191">
                  <c:v>41911</c:v>
                </c:pt>
                <c:pt idx="192">
                  <c:v>41912</c:v>
                </c:pt>
                <c:pt idx="193">
                  <c:v>41913</c:v>
                </c:pt>
                <c:pt idx="194">
                  <c:v>41914</c:v>
                </c:pt>
                <c:pt idx="195">
                  <c:v>41915</c:v>
                </c:pt>
                <c:pt idx="196">
                  <c:v>41918</c:v>
                </c:pt>
                <c:pt idx="197">
                  <c:v>41919</c:v>
                </c:pt>
                <c:pt idx="198">
                  <c:v>41920</c:v>
                </c:pt>
                <c:pt idx="199">
                  <c:v>41921</c:v>
                </c:pt>
                <c:pt idx="200">
                  <c:v>41922</c:v>
                </c:pt>
                <c:pt idx="201">
                  <c:v>41925</c:v>
                </c:pt>
                <c:pt idx="202">
                  <c:v>41926</c:v>
                </c:pt>
                <c:pt idx="203">
                  <c:v>41927</c:v>
                </c:pt>
                <c:pt idx="204">
                  <c:v>41928</c:v>
                </c:pt>
                <c:pt idx="205">
                  <c:v>41929</c:v>
                </c:pt>
                <c:pt idx="206">
                  <c:v>41932</c:v>
                </c:pt>
                <c:pt idx="207">
                  <c:v>41933</c:v>
                </c:pt>
                <c:pt idx="208">
                  <c:v>41934</c:v>
                </c:pt>
                <c:pt idx="209">
                  <c:v>41935</c:v>
                </c:pt>
                <c:pt idx="210">
                  <c:v>41936</c:v>
                </c:pt>
                <c:pt idx="211">
                  <c:v>41939</c:v>
                </c:pt>
                <c:pt idx="212">
                  <c:v>41940</c:v>
                </c:pt>
                <c:pt idx="213">
                  <c:v>41941</c:v>
                </c:pt>
                <c:pt idx="214">
                  <c:v>41942</c:v>
                </c:pt>
                <c:pt idx="215">
                  <c:v>41943</c:v>
                </c:pt>
                <c:pt idx="216">
                  <c:v>41946</c:v>
                </c:pt>
                <c:pt idx="217">
                  <c:v>41947</c:v>
                </c:pt>
                <c:pt idx="218">
                  <c:v>41948</c:v>
                </c:pt>
                <c:pt idx="219">
                  <c:v>41949</c:v>
                </c:pt>
                <c:pt idx="220">
                  <c:v>41950</c:v>
                </c:pt>
                <c:pt idx="221">
                  <c:v>41953</c:v>
                </c:pt>
                <c:pt idx="222">
                  <c:v>41954</c:v>
                </c:pt>
                <c:pt idx="223">
                  <c:v>41955</c:v>
                </c:pt>
                <c:pt idx="224">
                  <c:v>41956</c:v>
                </c:pt>
                <c:pt idx="225">
                  <c:v>41957</c:v>
                </c:pt>
                <c:pt idx="226">
                  <c:v>41960</c:v>
                </c:pt>
                <c:pt idx="227">
                  <c:v>41961</c:v>
                </c:pt>
                <c:pt idx="228">
                  <c:v>41962</c:v>
                </c:pt>
                <c:pt idx="229">
                  <c:v>41963</c:v>
                </c:pt>
                <c:pt idx="230">
                  <c:v>41964</c:v>
                </c:pt>
                <c:pt idx="231">
                  <c:v>41967</c:v>
                </c:pt>
                <c:pt idx="232">
                  <c:v>41968</c:v>
                </c:pt>
                <c:pt idx="233">
                  <c:v>41969</c:v>
                </c:pt>
                <c:pt idx="234">
                  <c:v>41970</c:v>
                </c:pt>
                <c:pt idx="235">
                  <c:v>41971</c:v>
                </c:pt>
                <c:pt idx="236">
                  <c:v>41974</c:v>
                </c:pt>
                <c:pt idx="237">
                  <c:v>41975</c:v>
                </c:pt>
                <c:pt idx="238">
                  <c:v>41976</c:v>
                </c:pt>
                <c:pt idx="239">
                  <c:v>41977</c:v>
                </c:pt>
                <c:pt idx="240">
                  <c:v>41978</c:v>
                </c:pt>
                <c:pt idx="241">
                  <c:v>41981</c:v>
                </c:pt>
                <c:pt idx="242">
                  <c:v>41982</c:v>
                </c:pt>
                <c:pt idx="243">
                  <c:v>41983</c:v>
                </c:pt>
                <c:pt idx="244">
                  <c:v>41984</c:v>
                </c:pt>
                <c:pt idx="245">
                  <c:v>41985</c:v>
                </c:pt>
                <c:pt idx="246">
                  <c:v>41988</c:v>
                </c:pt>
                <c:pt idx="247">
                  <c:v>41989</c:v>
                </c:pt>
                <c:pt idx="248">
                  <c:v>41990</c:v>
                </c:pt>
                <c:pt idx="249">
                  <c:v>41991</c:v>
                </c:pt>
                <c:pt idx="250">
                  <c:v>41992</c:v>
                </c:pt>
                <c:pt idx="251">
                  <c:v>41995</c:v>
                </c:pt>
                <c:pt idx="252">
                  <c:v>41996</c:v>
                </c:pt>
                <c:pt idx="253">
                  <c:v>41997</c:v>
                </c:pt>
                <c:pt idx="254">
                  <c:v>41999</c:v>
                </c:pt>
                <c:pt idx="255">
                  <c:v>42002</c:v>
                </c:pt>
                <c:pt idx="256">
                  <c:v>42003</c:v>
                </c:pt>
                <c:pt idx="257">
                  <c:v>42004</c:v>
                </c:pt>
                <c:pt idx="258">
                  <c:v>42006</c:v>
                </c:pt>
                <c:pt idx="259">
                  <c:v>42009</c:v>
                </c:pt>
                <c:pt idx="260">
                  <c:v>42010</c:v>
                </c:pt>
                <c:pt idx="261">
                  <c:v>42011</c:v>
                </c:pt>
                <c:pt idx="262">
                  <c:v>42012</c:v>
                </c:pt>
                <c:pt idx="263">
                  <c:v>42013</c:v>
                </c:pt>
                <c:pt idx="264">
                  <c:v>42016</c:v>
                </c:pt>
                <c:pt idx="265">
                  <c:v>42017</c:v>
                </c:pt>
                <c:pt idx="266">
                  <c:v>42018</c:v>
                </c:pt>
                <c:pt idx="267">
                  <c:v>42019</c:v>
                </c:pt>
                <c:pt idx="268">
                  <c:v>42020</c:v>
                </c:pt>
                <c:pt idx="269">
                  <c:v>42023</c:v>
                </c:pt>
                <c:pt idx="270">
                  <c:v>42024</c:v>
                </c:pt>
                <c:pt idx="271">
                  <c:v>42025</c:v>
                </c:pt>
                <c:pt idx="272">
                  <c:v>42026</c:v>
                </c:pt>
                <c:pt idx="273">
                  <c:v>42027</c:v>
                </c:pt>
                <c:pt idx="274">
                  <c:v>42030</c:v>
                </c:pt>
                <c:pt idx="275">
                  <c:v>42031</c:v>
                </c:pt>
                <c:pt idx="276">
                  <c:v>42032</c:v>
                </c:pt>
                <c:pt idx="277">
                  <c:v>42033</c:v>
                </c:pt>
                <c:pt idx="278">
                  <c:v>42034</c:v>
                </c:pt>
                <c:pt idx="279">
                  <c:v>42037</c:v>
                </c:pt>
                <c:pt idx="280">
                  <c:v>42038</c:v>
                </c:pt>
                <c:pt idx="281">
                  <c:v>42039</c:v>
                </c:pt>
                <c:pt idx="282">
                  <c:v>42040</c:v>
                </c:pt>
                <c:pt idx="283">
                  <c:v>42041</c:v>
                </c:pt>
                <c:pt idx="284">
                  <c:v>42044</c:v>
                </c:pt>
                <c:pt idx="285">
                  <c:v>42045</c:v>
                </c:pt>
                <c:pt idx="286">
                  <c:v>42046</c:v>
                </c:pt>
                <c:pt idx="287">
                  <c:v>42047</c:v>
                </c:pt>
                <c:pt idx="288">
                  <c:v>42048</c:v>
                </c:pt>
                <c:pt idx="289">
                  <c:v>42051</c:v>
                </c:pt>
                <c:pt idx="290">
                  <c:v>42052</c:v>
                </c:pt>
                <c:pt idx="291">
                  <c:v>42053</c:v>
                </c:pt>
                <c:pt idx="292">
                  <c:v>42054</c:v>
                </c:pt>
                <c:pt idx="293">
                  <c:v>42055</c:v>
                </c:pt>
                <c:pt idx="294">
                  <c:v>42058</c:v>
                </c:pt>
                <c:pt idx="295">
                  <c:v>42059</c:v>
                </c:pt>
                <c:pt idx="296">
                  <c:v>42060</c:v>
                </c:pt>
                <c:pt idx="297">
                  <c:v>42061</c:v>
                </c:pt>
                <c:pt idx="298">
                  <c:v>42062</c:v>
                </c:pt>
                <c:pt idx="299">
                  <c:v>42065</c:v>
                </c:pt>
                <c:pt idx="300">
                  <c:v>42066</c:v>
                </c:pt>
                <c:pt idx="301">
                  <c:v>42067</c:v>
                </c:pt>
                <c:pt idx="302">
                  <c:v>42068</c:v>
                </c:pt>
                <c:pt idx="303">
                  <c:v>42069</c:v>
                </c:pt>
                <c:pt idx="304">
                  <c:v>42072</c:v>
                </c:pt>
                <c:pt idx="305">
                  <c:v>42073</c:v>
                </c:pt>
                <c:pt idx="306">
                  <c:v>42074</c:v>
                </c:pt>
                <c:pt idx="307">
                  <c:v>42075</c:v>
                </c:pt>
                <c:pt idx="308">
                  <c:v>42076</c:v>
                </c:pt>
                <c:pt idx="309">
                  <c:v>42079</c:v>
                </c:pt>
                <c:pt idx="310">
                  <c:v>42080</c:v>
                </c:pt>
                <c:pt idx="311">
                  <c:v>42081</c:v>
                </c:pt>
                <c:pt idx="312">
                  <c:v>42082</c:v>
                </c:pt>
                <c:pt idx="313">
                  <c:v>42083</c:v>
                </c:pt>
                <c:pt idx="314">
                  <c:v>42086</c:v>
                </c:pt>
                <c:pt idx="315">
                  <c:v>42087</c:v>
                </c:pt>
                <c:pt idx="316">
                  <c:v>42088</c:v>
                </c:pt>
                <c:pt idx="317">
                  <c:v>42089</c:v>
                </c:pt>
                <c:pt idx="318">
                  <c:v>42090</c:v>
                </c:pt>
                <c:pt idx="319">
                  <c:v>42093</c:v>
                </c:pt>
                <c:pt idx="320">
                  <c:v>42094</c:v>
                </c:pt>
                <c:pt idx="321">
                  <c:v>42095</c:v>
                </c:pt>
                <c:pt idx="322">
                  <c:v>42096</c:v>
                </c:pt>
                <c:pt idx="323">
                  <c:v>42097</c:v>
                </c:pt>
                <c:pt idx="324">
                  <c:v>42100</c:v>
                </c:pt>
                <c:pt idx="325">
                  <c:v>42101</c:v>
                </c:pt>
                <c:pt idx="326">
                  <c:v>42102</c:v>
                </c:pt>
                <c:pt idx="327">
                  <c:v>42103</c:v>
                </c:pt>
                <c:pt idx="328">
                  <c:v>42104</c:v>
                </c:pt>
                <c:pt idx="329">
                  <c:v>42107</c:v>
                </c:pt>
                <c:pt idx="330">
                  <c:v>42108</c:v>
                </c:pt>
                <c:pt idx="331">
                  <c:v>42109</c:v>
                </c:pt>
                <c:pt idx="332">
                  <c:v>42110</c:v>
                </c:pt>
                <c:pt idx="333">
                  <c:v>42111</c:v>
                </c:pt>
                <c:pt idx="334">
                  <c:v>42114</c:v>
                </c:pt>
                <c:pt idx="335">
                  <c:v>42115</c:v>
                </c:pt>
                <c:pt idx="336">
                  <c:v>42116</c:v>
                </c:pt>
                <c:pt idx="337">
                  <c:v>42117</c:v>
                </c:pt>
                <c:pt idx="338">
                  <c:v>42118</c:v>
                </c:pt>
                <c:pt idx="339">
                  <c:v>42121</c:v>
                </c:pt>
                <c:pt idx="340">
                  <c:v>42122</c:v>
                </c:pt>
                <c:pt idx="341">
                  <c:v>42123</c:v>
                </c:pt>
                <c:pt idx="342">
                  <c:v>42124</c:v>
                </c:pt>
                <c:pt idx="343">
                  <c:v>42125</c:v>
                </c:pt>
                <c:pt idx="344">
                  <c:v>42128</c:v>
                </c:pt>
                <c:pt idx="345">
                  <c:v>42129</c:v>
                </c:pt>
                <c:pt idx="346">
                  <c:v>42130</c:v>
                </c:pt>
                <c:pt idx="347">
                  <c:v>42131</c:v>
                </c:pt>
                <c:pt idx="348">
                  <c:v>42132</c:v>
                </c:pt>
                <c:pt idx="349">
                  <c:v>42135</c:v>
                </c:pt>
                <c:pt idx="350">
                  <c:v>42136</c:v>
                </c:pt>
                <c:pt idx="351">
                  <c:v>42137</c:v>
                </c:pt>
                <c:pt idx="352">
                  <c:v>42138</c:v>
                </c:pt>
                <c:pt idx="353">
                  <c:v>42139</c:v>
                </c:pt>
                <c:pt idx="354">
                  <c:v>42142</c:v>
                </c:pt>
                <c:pt idx="355">
                  <c:v>42143</c:v>
                </c:pt>
                <c:pt idx="356">
                  <c:v>42144</c:v>
                </c:pt>
                <c:pt idx="357">
                  <c:v>42145</c:v>
                </c:pt>
                <c:pt idx="358">
                  <c:v>42146</c:v>
                </c:pt>
                <c:pt idx="359">
                  <c:v>42149</c:v>
                </c:pt>
                <c:pt idx="360">
                  <c:v>42150</c:v>
                </c:pt>
                <c:pt idx="361">
                  <c:v>42151</c:v>
                </c:pt>
                <c:pt idx="362">
                  <c:v>42152</c:v>
                </c:pt>
                <c:pt idx="363">
                  <c:v>42153</c:v>
                </c:pt>
                <c:pt idx="364">
                  <c:v>42156</c:v>
                </c:pt>
                <c:pt idx="365">
                  <c:v>42157</c:v>
                </c:pt>
                <c:pt idx="366">
                  <c:v>42158</c:v>
                </c:pt>
                <c:pt idx="367">
                  <c:v>42159</c:v>
                </c:pt>
                <c:pt idx="368">
                  <c:v>42160</c:v>
                </c:pt>
                <c:pt idx="369">
                  <c:v>42163</c:v>
                </c:pt>
                <c:pt idx="370">
                  <c:v>42164</c:v>
                </c:pt>
                <c:pt idx="371">
                  <c:v>42165</c:v>
                </c:pt>
                <c:pt idx="372">
                  <c:v>42166</c:v>
                </c:pt>
                <c:pt idx="373">
                  <c:v>42167</c:v>
                </c:pt>
                <c:pt idx="374">
                  <c:v>42170</c:v>
                </c:pt>
                <c:pt idx="375">
                  <c:v>42171</c:v>
                </c:pt>
                <c:pt idx="376">
                  <c:v>42172</c:v>
                </c:pt>
                <c:pt idx="377">
                  <c:v>42173</c:v>
                </c:pt>
                <c:pt idx="378">
                  <c:v>42174</c:v>
                </c:pt>
                <c:pt idx="379">
                  <c:v>42177</c:v>
                </c:pt>
                <c:pt idx="380">
                  <c:v>42178</c:v>
                </c:pt>
                <c:pt idx="381">
                  <c:v>42179</c:v>
                </c:pt>
                <c:pt idx="382">
                  <c:v>42180</c:v>
                </c:pt>
                <c:pt idx="383">
                  <c:v>42181</c:v>
                </c:pt>
                <c:pt idx="384">
                  <c:v>42184</c:v>
                </c:pt>
                <c:pt idx="385">
                  <c:v>42185</c:v>
                </c:pt>
                <c:pt idx="386">
                  <c:v>42186</c:v>
                </c:pt>
                <c:pt idx="387">
                  <c:v>42187</c:v>
                </c:pt>
                <c:pt idx="388">
                  <c:v>42188</c:v>
                </c:pt>
                <c:pt idx="389">
                  <c:v>42191</c:v>
                </c:pt>
                <c:pt idx="390">
                  <c:v>42192</c:v>
                </c:pt>
                <c:pt idx="391">
                  <c:v>42193</c:v>
                </c:pt>
                <c:pt idx="392">
                  <c:v>42194</c:v>
                </c:pt>
                <c:pt idx="393">
                  <c:v>42195</c:v>
                </c:pt>
                <c:pt idx="394">
                  <c:v>42198</c:v>
                </c:pt>
                <c:pt idx="395">
                  <c:v>42199</c:v>
                </c:pt>
                <c:pt idx="396">
                  <c:v>42200</c:v>
                </c:pt>
                <c:pt idx="397">
                  <c:v>42201</c:v>
                </c:pt>
                <c:pt idx="398">
                  <c:v>42202</c:v>
                </c:pt>
                <c:pt idx="399">
                  <c:v>42205</c:v>
                </c:pt>
                <c:pt idx="400">
                  <c:v>42206</c:v>
                </c:pt>
                <c:pt idx="401">
                  <c:v>42207</c:v>
                </c:pt>
                <c:pt idx="402">
                  <c:v>42208</c:v>
                </c:pt>
                <c:pt idx="403">
                  <c:v>42209</c:v>
                </c:pt>
                <c:pt idx="404">
                  <c:v>42212</c:v>
                </c:pt>
                <c:pt idx="405">
                  <c:v>42213</c:v>
                </c:pt>
                <c:pt idx="406">
                  <c:v>42214</c:v>
                </c:pt>
                <c:pt idx="407">
                  <c:v>42215</c:v>
                </c:pt>
                <c:pt idx="408">
                  <c:v>42216</c:v>
                </c:pt>
                <c:pt idx="409">
                  <c:v>42219</c:v>
                </c:pt>
                <c:pt idx="410">
                  <c:v>42220</c:v>
                </c:pt>
                <c:pt idx="411">
                  <c:v>42221</c:v>
                </c:pt>
                <c:pt idx="412">
                  <c:v>42222</c:v>
                </c:pt>
                <c:pt idx="413">
                  <c:v>42223</c:v>
                </c:pt>
                <c:pt idx="414">
                  <c:v>42226</c:v>
                </c:pt>
                <c:pt idx="415">
                  <c:v>42227</c:v>
                </c:pt>
                <c:pt idx="416">
                  <c:v>42228</c:v>
                </c:pt>
                <c:pt idx="417">
                  <c:v>42229</c:v>
                </c:pt>
                <c:pt idx="418">
                  <c:v>42230</c:v>
                </c:pt>
                <c:pt idx="419">
                  <c:v>42233</c:v>
                </c:pt>
                <c:pt idx="420">
                  <c:v>42234</c:v>
                </c:pt>
                <c:pt idx="421">
                  <c:v>42235</c:v>
                </c:pt>
                <c:pt idx="422">
                  <c:v>42236</c:v>
                </c:pt>
                <c:pt idx="423">
                  <c:v>42237</c:v>
                </c:pt>
                <c:pt idx="424">
                  <c:v>42240</c:v>
                </c:pt>
                <c:pt idx="425">
                  <c:v>42241</c:v>
                </c:pt>
                <c:pt idx="426">
                  <c:v>42242</c:v>
                </c:pt>
                <c:pt idx="427">
                  <c:v>42243</c:v>
                </c:pt>
                <c:pt idx="428">
                  <c:v>42244</c:v>
                </c:pt>
                <c:pt idx="429">
                  <c:v>42247</c:v>
                </c:pt>
                <c:pt idx="430">
                  <c:v>42248</c:v>
                </c:pt>
                <c:pt idx="431">
                  <c:v>42249</c:v>
                </c:pt>
                <c:pt idx="432">
                  <c:v>42250</c:v>
                </c:pt>
                <c:pt idx="433">
                  <c:v>42251</c:v>
                </c:pt>
                <c:pt idx="434">
                  <c:v>42254</c:v>
                </c:pt>
                <c:pt idx="435">
                  <c:v>42255</c:v>
                </c:pt>
                <c:pt idx="436">
                  <c:v>42256</c:v>
                </c:pt>
                <c:pt idx="437">
                  <c:v>42257</c:v>
                </c:pt>
                <c:pt idx="438">
                  <c:v>42258</c:v>
                </c:pt>
                <c:pt idx="439">
                  <c:v>42261</c:v>
                </c:pt>
                <c:pt idx="440">
                  <c:v>42262</c:v>
                </c:pt>
                <c:pt idx="441">
                  <c:v>42263</c:v>
                </c:pt>
                <c:pt idx="442">
                  <c:v>42264</c:v>
                </c:pt>
                <c:pt idx="443">
                  <c:v>42265</c:v>
                </c:pt>
                <c:pt idx="444">
                  <c:v>42268</c:v>
                </c:pt>
                <c:pt idx="445">
                  <c:v>42269</c:v>
                </c:pt>
                <c:pt idx="446">
                  <c:v>42270</c:v>
                </c:pt>
                <c:pt idx="447">
                  <c:v>42271</c:v>
                </c:pt>
                <c:pt idx="448">
                  <c:v>42272</c:v>
                </c:pt>
                <c:pt idx="449">
                  <c:v>42275</c:v>
                </c:pt>
                <c:pt idx="450">
                  <c:v>42276</c:v>
                </c:pt>
                <c:pt idx="451">
                  <c:v>42277</c:v>
                </c:pt>
                <c:pt idx="452">
                  <c:v>42278</c:v>
                </c:pt>
                <c:pt idx="453">
                  <c:v>42279</c:v>
                </c:pt>
                <c:pt idx="454">
                  <c:v>42282</c:v>
                </c:pt>
                <c:pt idx="455">
                  <c:v>42283</c:v>
                </c:pt>
                <c:pt idx="456">
                  <c:v>42284</c:v>
                </c:pt>
                <c:pt idx="457">
                  <c:v>42285</c:v>
                </c:pt>
                <c:pt idx="458">
                  <c:v>42286</c:v>
                </c:pt>
                <c:pt idx="459">
                  <c:v>42289</c:v>
                </c:pt>
                <c:pt idx="460">
                  <c:v>42290</c:v>
                </c:pt>
                <c:pt idx="461">
                  <c:v>42291</c:v>
                </c:pt>
                <c:pt idx="462">
                  <c:v>42292</c:v>
                </c:pt>
                <c:pt idx="463">
                  <c:v>42293</c:v>
                </c:pt>
                <c:pt idx="464">
                  <c:v>42296</c:v>
                </c:pt>
                <c:pt idx="465">
                  <c:v>42297</c:v>
                </c:pt>
                <c:pt idx="466">
                  <c:v>42298</c:v>
                </c:pt>
                <c:pt idx="467">
                  <c:v>42299</c:v>
                </c:pt>
                <c:pt idx="468">
                  <c:v>42300</c:v>
                </c:pt>
                <c:pt idx="469">
                  <c:v>42303</c:v>
                </c:pt>
                <c:pt idx="470">
                  <c:v>42304</c:v>
                </c:pt>
                <c:pt idx="471">
                  <c:v>42305</c:v>
                </c:pt>
                <c:pt idx="472">
                  <c:v>42306</c:v>
                </c:pt>
                <c:pt idx="473">
                  <c:v>42307</c:v>
                </c:pt>
                <c:pt idx="474">
                  <c:v>42310</c:v>
                </c:pt>
                <c:pt idx="475">
                  <c:v>42311</c:v>
                </c:pt>
                <c:pt idx="476">
                  <c:v>42312</c:v>
                </c:pt>
                <c:pt idx="477">
                  <c:v>42313</c:v>
                </c:pt>
                <c:pt idx="478">
                  <c:v>42314</c:v>
                </c:pt>
                <c:pt idx="479">
                  <c:v>42317</c:v>
                </c:pt>
                <c:pt idx="480">
                  <c:v>42318</c:v>
                </c:pt>
                <c:pt idx="481">
                  <c:v>42319</c:v>
                </c:pt>
                <c:pt idx="482">
                  <c:v>42320</c:v>
                </c:pt>
                <c:pt idx="483">
                  <c:v>42321</c:v>
                </c:pt>
                <c:pt idx="484">
                  <c:v>42324</c:v>
                </c:pt>
                <c:pt idx="485">
                  <c:v>42325</c:v>
                </c:pt>
                <c:pt idx="486">
                  <c:v>42326</c:v>
                </c:pt>
                <c:pt idx="487">
                  <c:v>42327</c:v>
                </c:pt>
                <c:pt idx="488">
                  <c:v>42328</c:v>
                </c:pt>
                <c:pt idx="489">
                  <c:v>42331</c:v>
                </c:pt>
                <c:pt idx="490">
                  <c:v>42332</c:v>
                </c:pt>
                <c:pt idx="491">
                  <c:v>42333</c:v>
                </c:pt>
                <c:pt idx="492">
                  <c:v>42334</c:v>
                </c:pt>
                <c:pt idx="493">
                  <c:v>42335</c:v>
                </c:pt>
                <c:pt idx="494">
                  <c:v>42338</c:v>
                </c:pt>
                <c:pt idx="495">
                  <c:v>42339</c:v>
                </c:pt>
                <c:pt idx="496">
                  <c:v>42340</c:v>
                </c:pt>
                <c:pt idx="497">
                  <c:v>42341</c:v>
                </c:pt>
                <c:pt idx="498">
                  <c:v>42342</c:v>
                </c:pt>
                <c:pt idx="499">
                  <c:v>42345</c:v>
                </c:pt>
                <c:pt idx="500">
                  <c:v>42346</c:v>
                </c:pt>
                <c:pt idx="501">
                  <c:v>42347</c:v>
                </c:pt>
                <c:pt idx="502">
                  <c:v>42348</c:v>
                </c:pt>
                <c:pt idx="503">
                  <c:v>42349</c:v>
                </c:pt>
                <c:pt idx="504">
                  <c:v>42352</c:v>
                </c:pt>
                <c:pt idx="505">
                  <c:v>42353</c:v>
                </c:pt>
                <c:pt idx="506">
                  <c:v>42354</c:v>
                </c:pt>
                <c:pt idx="507">
                  <c:v>42355</c:v>
                </c:pt>
                <c:pt idx="508">
                  <c:v>42356</c:v>
                </c:pt>
                <c:pt idx="509">
                  <c:v>42359</c:v>
                </c:pt>
                <c:pt idx="510">
                  <c:v>42360</c:v>
                </c:pt>
                <c:pt idx="511">
                  <c:v>42361</c:v>
                </c:pt>
                <c:pt idx="512">
                  <c:v>42362</c:v>
                </c:pt>
                <c:pt idx="513">
                  <c:v>42363</c:v>
                </c:pt>
                <c:pt idx="514">
                  <c:v>42366</c:v>
                </c:pt>
                <c:pt idx="515">
                  <c:v>42367</c:v>
                </c:pt>
                <c:pt idx="516">
                  <c:v>42368</c:v>
                </c:pt>
                <c:pt idx="517">
                  <c:v>42369</c:v>
                </c:pt>
                <c:pt idx="518">
                  <c:v>42370</c:v>
                </c:pt>
                <c:pt idx="519">
                  <c:v>42373</c:v>
                </c:pt>
                <c:pt idx="520">
                  <c:v>42374</c:v>
                </c:pt>
                <c:pt idx="521">
                  <c:v>42375</c:v>
                </c:pt>
                <c:pt idx="522">
                  <c:v>42376</c:v>
                </c:pt>
                <c:pt idx="523">
                  <c:v>42377</c:v>
                </c:pt>
                <c:pt idx="524">
                  <c:v>42380</c:v>
                </c:pt>
                <c:pt idx="525">
                  <c:v>42381</c:v>
                </c:pt>
                <c:pt idx="526">
                  <c:v>42382</c:v>
                </c:pt>
                <c:pt idx="527">
                  <c:v>42383</c:v>
                </c:pt>
                <c:pt idx="528">
                  <c:v>42384</c:v>
                </c:pt>
                <c:pt idx="529">
                  <c:v>42387</c:v>
                </c:pt>
                <c:pt idx="530">
                  <c:v>42388</c:v>
                </c:pt>
                <c:pt idx="531">
                  <c:v>42389</c:v>
                </c:pt>
                <c:pt idx="532">
                  <c:v>42390</c:v>
                </c:pt>
                <c:pt idx="533">
                  <c:v>42391</c:v>
                </c:pt>
                <c:pt idx="534">
                  <c:v>42394</c:v>
                </c:pt>
                <c:pt idx="535">
                  <c:v>42395</c:v>
                </c:pt>
                <c:pt idx="536">
                  <c:v>42396</c:v>
                </c:pt>
                <c:pt idx="537">
                  <c:v>42397</c:v>
                </c:pt>
                <c:pt idx="538">
                  <c:v>42398</c:v>
                </c:pt>
                <c:pt idx="539">
                  <c:v>42401</c:v>
                </c:pt>
                <c:pt idx="540">
                  <c:v>42402</c:v>
                </c:pt>
                <c:pt idx="541">
                  <c:v>42403</c:v>
                </c:pt>
                <c:pt idx="542">
                  <c:v>42404</c:v>
                </c:pt>
                <c:pt idx="543">
                  <c:v>42405</c:v>
                </c:pt>
                <c:pt idx="544">
                  <c:v>42408</c:v>
                </c:pt>
                <c:pt idx="545">
                  <c:v>42409</c:v>
                </c:pt>
                <c:pt idx="546">
                  <c:v>42410</c:v>
                </c:pt>
                <c:pt idx="547">
                  <c:v>42411</c:v>
                </c:pt>
                <c:pt idx="548">
                  <c:v>42412</c:v>
                </c:pt>
                <c:pt idx="549">
                  <c:v>42415</c:v>
                </c:pt>
                <c:pt idx="550">
                  <c:v>42416</c:v>
                </c:pt>
                <c:pt idx="551">
                  <c:v>42417</c:v>
                </c:pt>
                <c:pt idx="552">
                  <c:v>42418</c:v>
                </c:pt>
                <c:pt idx="553">
                  <c:v>42419</c:v>
                </c:pt>
                <c:pt idx="554">
                  <c:v>42422</c:v>
                </c:pt>
                <c:pt idx="555">
                  <c:v>42423</c:v>
                </c:pt>
                <c:pt idx="556">
                  <c:v>42424</c:v>
                </c:pt>
                <c:pt idx="557">
                  <c:v>42425</c:v>
                </c:pt>
                <c:pt idx="558">
                  <c:v>42426</c:v>
                </c:pt>
                <c:pt idx="559">
                  <c:v>42429</c:v>
                </c:pt>
                <c:pt idx="560">
                  <c:v>42430</c:v>
                </c:pt>
                <c:pt idx="561">
                  <c:v>42431</c:v>
                </c:pt>
                <c:pt idx="562">
                  <c:v>42432</c:v>
                </c:pt>
                <c:pt idx="563">
                  <c:v>42433</c:v>
                </c:pt>
                <c:pt idx="564">
                  <c:v>42436</c:v>
                </c:pt>
                <c:pt idx="565">
                  <c:v>42437</c:v>
                </c:pt>
                <c:pt idx="566">
                  <c:v>42438</c:v>
                </c:pt>
                <c:pt idx="567">
                  <c:v>42439</c:v>
                </c:pt>
                <c:pt idx="568">
                  <c:v>42440</c:v>
                </c:pt>
                <c:pt idx="569">
                  <c:v>42443</c:v>
                </c:pt>
                <c:pt idx="570">
                  <c:v>42444</c:v>
                </c:pt>
                <c:pt idx="571">
                  <c:v>42445</c:v>
                </c:pt>
                <c:pt idx="572">
                  <c:v>42446</c:v>
                </c:pt>
                <c:pt idx="573">
                  <c:v>42447</c:v>
                </c:pt>
                <c:pt idx="574">
                  <c:v>42450</c:v>
                </c:pt>
                <c:pt idx="575">
                  <c:v>42451</c:v>
                </c:pt>
                <c:pt idx="576">
                  <c:v>42452</c:v>
                </c:pt>
                <c:pt idx="577">
                  <c:v>42453</c:v>
                </c:pt>
                <c:pt idx="578">
                  <c:v>42454</c:v>
                </c:pt>
                <c:pt idx="579">
                  <c:v>42457</c:v>
                </c:pt>
                <c:pt idx="580">
                  <c:v>42458</c:v>
                </c:pt>
                <c:pt idx="581">
                  <c:v>42459</c:v>
                </c:pt>
                <c:pt idx="582">
                  <c:v>42460</c:v>
                </c:pt>
                <c:pt idx="583">
                  <c:v>42461</c:v>
                </c:pt>
                <c:pt idx="584">
                  <c:v>42464</c:v>
                </c:pt>
                <c:pt idx="585">
                  <c:v>42465</c:v>
                </c:pt>
                <c:pt idx="586">
                  <c:v>42466</c:v>
                </c:pt>
                <c:pt idx="587">
                  <c:v>42467</c:v>
                </c:pt>
                <c:pt idx="588">
                  <c:v>42468</c:v>
                </c:pt>
                <c:pt idx="589">
                  <c:v>42471</c:v>
                </c:pt>
                <c:pt idx="590">
                  <c:v>42472</c:v>
                </c:pt>
                <c:pt idx="591">
                  <c:v>42473</c:v>
                </c:pt>
                <c:pt idx="592">
                  <c:v>42474</c:v>
                </c:pt>
                <c:pt idx="593">
                  <c:v>42475</c:v>
                </c:pt>
                <c:pt idx="594">
                  <c:v>42478</c:v>
                </c:pt>
                <c:pt idx="595">
                  <c:v>42479</c:v>
                </c:pt>
                <c:pt idx="596">
                  <c:v>42480</c:v>
                </c:pt>
                <c:pt idx="597">
                  <c:v>42481</c:v>
                </c:pt>
                <c:pt idx="598">
                  <c:v>42482</c:v>
                </c:pt>
                <c:pt idx="599">
                  <c:v>42485</c:v>
                </c:pt>
                <c:pt idx="600">
                  <c:v>42486</c:v>
                </c:pt>
                <c:pt idx="601">
                  <c:v>42487</c:v>
                </c:pt>
                <c:pt idx="602">
                  <c:v>42488</c:v>
                </c:pt>
                <c:pt idx="603">
                  <c:v>42489</c:v>
                </c:pt>
                <c:pt idx="604">
                  <c:v>42492</c:v>
                </c:pt>
                <c:pt idx="605">
                  <c:v>42493</c:v>
                </c:pt>
                <c:pt idx="606">
                  <c:v>42494</c:v>
                </c:pt>
                <c:pt idx="607">
                  <c:v>42495</c:v>
                </c:pt>
                <c:pt idx="608">
                  <c:v>42496</c:v>
                </c:pt>
                <c:pt idx="609">
                  <c:v>42499</c:v>
                </c:pt>
                <c:pt idx="610">
                  <c:v>42500</c:v>
                </c:pt>
                <c:pt idx="611">
                  <c:v>42501</c:v>
                </c:pt>
                <c:pt idx="612">
                  <c:v>42502</c:v>
                </c:pt>
                <c:pt idx="613">
                  <c:v>42503</c:v>
                </c:pt>
                <c:pt idx="614">
                  <c:v>42506</c:v>
                </c:pt>
                <c:pt idx="615">
                  <c:v>42507</c:v>
                </c:pt>
                <c:pt idx="616">
                  <c:v>42508</c:v>
                </c:pt>
                <c:pt idx="617">
                  <c:v>42509</c:v>
                </c:pt>
                <c:pt idx="618">
                  <c:v>42510</c:v>
                </c:pt>
                <c:pt idx="619">
                  <c:v>42513</c:v>
                </c:pt>
                <c:pt idx="620">
                  <c:v>42514</c:v>
                </c:pt>
                <c:pt idx="621">
                  <c:v>42515</c:v>
                </c:pt>
                <c:pt idx="622">
                  <c:v>42516</c:v>
                </c:pt>
                <c:pt idx="623">
                  <c:v>42517</c:v>
                </c:pt>
                <c:pt idx="624">
                  <c:v>42520</c:v>
                </c:pt>
                <c:pt idx="625">
                  <c:v>42521</c:v>
                </c:pt>
                <c:pt idx="626">
                  <c:v>42522</c:v>
                </c:pt>
                <c:pt idx="627">
                  <c:v>42523</c:v>
                </c:pt>
                <c:pt idx="628">
                  <c:v>42524</c:v>
                </c:pt>
                <c:pt idx="629">
                  <c:v>42527</c:v>
                </c:pt>
                <c:pt idx="630">
                  <c:v>42528</c:v>
                </c:pt>
                <c:pt idx="631">
                  <c:v>42529</c:v>
                </c:pt>
                <c:pt idx="632">
                  <c:v>42530</c:v>
                </c:pt>
                <c:pt idx="633">
                  <c:v>42531</c:v>
                </c:pt>
                <c:pt idx="634">
                  <c:v>42534</c:v>
                </c:pt>
                <c:pt idx="635">
                  <c:v>42535</c:v>
                </c:pt>
                <c:pt idx="636">
                  <c:v>42536</c:v>
                </c:pt>
                <c:pt idx="637">
                  <c:v>42537</c:v>
                </c:pt>
                <c:pt idx="638">
                  <c:v>42538</c:v>
                </c:pt>
                <c:pt idx="639">
                  <c:v>42541</c:v>
                </c:pt>
                <c:pt idx="640">
                  <c:v>42542</c:v>
                </c:pt>
                <c:pt idx="641">
                  <c:v>42543</c:v>
                </c:pt>
                <c:pt idx="642">
                  <c:v>42544</c:v>
                </c:pt>
                <c:pt idx="643">
                  <c:v>42545</c:v>
                </c:pt>
                <c:pt idx="644">
                  <c:v>42548</c:v>
                </c:pt>
                <c:pt idx="645">
                  <c:v>42549</c:v>
                </c:pt>
                <c:pt idx="646">
                  <c:v>42550</c:v>
                </c:pt>
                <c:pt idx="647">
                  <c:v>42551</c:v>
                </c:pt>
                <c:pt idx="648">
                  <c:v>42552</c:v>
                </c:pt>
                <c:pt idx="649">
                  <c:v>42555</c:v>
                </c:pt>
                <c:pt idx="650">
                  <c:v>42556</c:v>
                </c:pt>
                <c:pt idx="651">
                  <c:v>42557</c:v>
                </c:pt>
                <c:pt idx="652">
                  <c:v>42558</c:v>
                </c:pt>
                <c:pt idx="653">
                  <c:v>42559</c:v>
                </c:pt>
                <c:pt idx="654">
                  <c:v>42562</c:v>
                </c:pt>
                <c:pt idx="655">
                  <c:v>42563</c:v>
                </c:pt>
                <c:pt idx="656">
                  <c:v>42564</c:v>
                </c:pt>
                <c:pt idx="657">
                  <c:v>42565</c:v>
                </c:pt>
                <c:pt idx="658">
                  <c:v>42566</c:v>
                </c:pt>
                <c:pt idx="659">
                  <c:v>42569</c:v>
                </c:pt>
                <c:pt idx="660">
                  <c:v>42570</c:v>
                </c:pt>
                <c:pt idx="661">
                  <c:v>42571</c:v>
                </c:pt>
                <c:pt idx="662">
                  <c:v>42572</c:v>
                </c:pt>
                <c:pt idx="663">
                  <c:v>42573</c:v>
                </c:pt>
                <c:pt idx="664">
                  <c:v>42576</c:v>
                </c:pt>
                <c:pt idx="665">
                  <c:v>42577</c:v>
                </c:pt>
                <c:pt idx="666">
                  <c:v>42578</c:v>
                </c:pt>
                <c:pt idx="667">
                  <c:v>42579</c:v>
                </c:pt>
                <c:pt idx="668">
                  <c:v>42580</c:v>
                </c:pt>
                <c:pt idx="669">
                  <c:v>42583</c:v>
                </c:pt>
                <c:pt idx="670">
                  <c:v>42584</c:v>
                </c:pt>
                <c:pt idx="671">
                  <c:v>42585</c:v>
                </c:pt>
                <c:pt idx="672">
                  <c:v>42586</c:v>
                </c:pt>
                <c:pt idx="673">
                  <c:v>42587</c:v>
                </c:pt>
                <c:pt idx="674">
                  <c:v>42590</c:v>
                </c:pt>
                <c:pt idx="675">
                  <c:v>42591</c:v>
                </c:pt>
                <c:pt idx="676">
                  <c:v>42592</c:v>
                </c:pt>
                <c:pt idx="677">
                  <c:v>42593</c:v>
                </c:pt>
                <c:pt idx="678">
                  <c:v>42594</c:v>
                </c:pt>
                <c:pt idx="679">
                  <c:v>42597</c:v>
                </c:pt>
                <c:pt idx="680">
                  <c:v>42598</c:v>
                </c:pt>
                <c:pt idx="681">
                  <c:v>42599</c:v>
                </c:pt>
                <c:pt idx="682">
                  <c:v>42600</c:v>
                </c:pt>
                <c:pt idx="683">
                  <c:v>42601</c:v>
                </c:pt>
                <c:pt idx="684">
                  <c:v>42604</c:v>
                </c:pt>
                <c:pt idx="685">
                  <c:v>42605</c:v>
                </c:pt>
                <c:pt idx="686">
                  <c:v>42606</c:v>
                </c:pt>
                <c:pt idx="687">
                  <c:v>42607</c:v>
                </c:pt>
                <c:pt idx="688">
                  <c:v>42608</c:v>
                </c:pt>
                <c:pt idx="689">
                  <c:v>42611</c:v>
                </c:pt>
                <c:pt idx="690">
                  <c:v>42612</c:v>
                </c:pt>
                <c:pt idx="691">
                  <c:v>42613</c:v>
                </c:pt>
                <c:pt idx="692">
                  <c:v>42614</c:v>
                </c:pt>
                <c:pt idx="693">
                  <c:v>42615</c:v>
                </c:pt>
                <c:pt idx="694">
                  <c:v>42618</c:v>
                </c:pt>
                <c:pt idx="695">
                  <c:v>42619</c:v>
                </c:pt>
                <c:pt idx="696">
                  <c:v>42620</c:v>
                </c:pt>
                <c:pt idx="697">
                  <c:v>42621</c:v>
                </c:pt>
                <c:pt idx="698">
                  <c:v>42622</c:v>
                </c:pt>
                <c:pt idx="699">
                  <c:v>42625</c:v>
                </c:pt>
                <c:pt idx="700">
                  <c:v>42626</c:v>
                </c:pt>
                <c:pt idx="701">
                  <c:v>42627</c:v>
                </c:pt>
                <c:pt idx="702">
                  <c:v>42628</c:v>
                </c:pt>
                <c:pt idx="703">
                  <c:v>42629</c:v>
                </c:pt>
                <c:pt idx="704">
                  <c:v>42632</c:v>
                </c:pt>
                <c:pt idx="705">
                  <c:v>42633</c:v>
                </c:pt>
                <c:pt idx="706">
                  <c:v>42634</c:v>
                </c:pt>
                <c:pt idx="707">
                  <c:v>42635</c:v>
                </c:pt>
                <c:pt idx="708">
                  <c:v>42636</c:v>
                </c:pt>
                <c:pt idx="709">
                  <c:v>42639</c:v>
                </c:pt>
                <c:pt idx="710">
                  <c:v>42640</c:v>
                </c:pt>
                <c:pt idx="711">
                  <c:v>42641</c:v>
                </c:pt>
                <c:pt idx="712">
                  <c:v>42642</c:v>
                </c:pt>
                <c:pt idx="713">
                  <c:v>42643</c:v>
                </c:pt>
                <c:pt idx="714">
                  <c:v>42646</c:v>
                </c:pt>
                <c:pt idx="715">
                  <c:v>42647</c:v>
                </c:pt>
                <c:pt idx="716">
                  <c:v>42648</c:v>
                </c:pt>
                <c:pt idx="717">
                  <c:v>42649</c:v>
                </c:pt>
                <c:pt idx="718">
                  <c:v>42650</c:v>
                </c:pt>
                <c:pt idx="719">
                  <c:v>42653</c:v>
                </c:pt>
                <c:pt idx="720">
                  <c:v>42654</c:v>
                </c:pt>
                <c:pt idx="721">
                  <c:v>42655</c:v>
                </c:pt>
                <c:pt idx="722">
                  <c:v>42656</c:v>
                </c:pt>
                <c:pt idx="723">
                  <c:v>42657</c:v>
                </c:pt>
                <c:pt idx="724">
                  <c:v>42660</c:v>
                </c:pt>
                <c:pt idx="725">
                  <c:v>42661</c:v>
                </c:pt>
                <c:pt idx="726">
                  <c:v>42662</c:v>
                </c:pt>
                <c:pt idx="727">
                  <c:v>42663</c:v>
                </c:pt>
                <c:pt idx="728">
                  <c:v>42664</c:v>
                </c:pt>
                <c:pt idx="729">
                  <c:v>42667</c:v>
                </c:pt>
                <c:pt idx="730">
                  <c:v>42668</c:v>
                </c:pt>
                <c:pt idx="731">
                  <c:v>42669</c:v>
                </c:pt>
                <c:pt idx="732">
                  <c:v>42670</c:v>
                </c:pt>
                <c:pt idx="733">
                  <c:v>42671</c:v>
                </c:pt>
                <c:pt idx="734">
                  <c:v>42674</c:v>
                </c:pt>
                <c:pt idx="735">
                  <c:v>42675</c:v>
                </c:pt>
                <c:pt idx="736">
                  <c:v>42676</c:v>
                </c:pt>
                <c:pt idx="737">
                  <c:v>42677</c:v>
                </c:pt>
                <c:pt idx="738">
                  <c:v>42678</c:v>
                </c:pt>
                <c:pt idx="739">
                  <c:v>42681</c:v>
                </c:pt>
                <c:pt idx="740">
                  <c:v>42682</c:v>
                </c:pt>
                <c:pt idx="741">
                  <c:v>42683</c:v>
                </c:pt>
                <c:pt idx="742">
                  <c:v>42684</c:v>
                </c:pt>
                <c:pt idx="743">
                  <c:v>42685</c:v>
                </c:pt>
                <c:pt idx="744">
                  <c:v>42688</c:v>
                </c:pt>
                <c:pt idx="745">
                  <c:v>42689</c:v>
                </c:pt>
                <c:pt idx="746">
                  <c:v>42690</c:v>
                </c:pt>
                <c:pt idx="747">
                  <c:v>42691</c:v>
                </c:pt>
                <c:pt idx="748">
                  <c:v>42692</c:v>
                </c:pt>
                <c:pt idx="749">
                  <c:v>42695</c:v>
                </c:pt>
                <c:pt idx="750">
                  <c:v>42696</c:v>
                </c:pt>
                <c:pt idx="751">
                  <c:v>42697</c:v>
                </c:pt>
                <c:pt idx="752">
                  <c:v>42698</c:v>
                </c:pt>
                <c:pt idx="753">
                  <c:v>42699</c:v>
                </c:pt>
                <c:pt idx="754">
                  <c:v>42702</c:v>
                </c:pt>
                <c:pt idx="755">
                  <c:v>42703</c:v>
                </c:pt>
                <c:pt idx="756">
                  <c:v>42704</c:v>
                </c:pt>
                <c:pt idx="757">
                  <c:v>42705</c:v>
                </c:pt>
                <c:pt idx="758">
                  <c:v>42706</c:v>
                </c:pt>
                <c:pt idx="759">
                  <c:v>42709</c:v>
                </c:pt>
                <c:pt idx="760">
                  <c:v>42710</c:v>
                </c:pt>
                <c:pt idx="761">
                  <c:v>42711</c:v>
                </c:pt>
                <c:pt idx="762">
                  <c:v>42712</c:v>
                </c:pt>
                <c:pt idx="763">
                  <c:v>42713</c:v>
                </c:pt>
                <c:pt idx="764">
                  <c:v>42716</c:v>
                </c:pt>
                <c:pt idx="765">
                  <c:v>42717</c:v>
                </c:pt>
                <c:pt idx="766">
                  <c:v>42718</c:v>
                </c:pt>
                <c:pt idx="767">
                  <c:v>42719</c:v>
                </c:pt>
                <c:pt idx="768">
                  <c:v>42720</c:v>
                </c:pt>
                <c:pt idx="769">
                  <c:v>42723</c:v>
                </c:pt>
                <c:pt idx="770">
                  <c:v>42724</c:v>
                </c:pt>
                <c:pt idx="771">
                  <c:v>42725</c:v>
                </c:pt>
                <c:pt idx="772">
                  <c:v>42726</c:v>
                </c:pt>
                <c:pt idx="773">
                  <c:v>42727</c:v>
                </c:pt>
                <c:pt idx="774">
                  <c:v>42730</c:v>
                </c:pt>
                <c:pt idx="775">
                  <c:v>42731</c:v>
                </c:pt>
                <c:pt idx="776">
                  <c:v>42732</c:v>
                </c:pt>
                <c:pt idx="777">
                  <c:v>42733</c:v>
                </c:pt>
                <c:pt idx="778">
                  <c:v>42734</c:v>
                </c:pt>
                <c:pt idx="779">
                  <c:v>42737</c:v>
                </c:pt>
                <c:pt idx="780">
                  <c:v>42738</c:v>
                </c:pt>
                <c:pt idx="781">
                  <c:v>42739</c:v>
                </c:pt>
                <c:pt idx="782">
                  <c:v>42740</c:v>
                </c:pt>
                <c:pt idx="783">
                  <c:v>42741</c:v>
                </c:pt>
                <c:pt idx="784">
                  <c:v>42744</c:v>
                </c:pt>
                <c:pt idx="785">
                  <c:v>42745</c:v>
                </c:pt>
                <c:pt idx="786">
                  <c:v>42746</c:v>
                </c:pt>
                <c:pt idx="787">
                  <c:v>42747</c:v>
                </c:pt>
                <c:pt idx="788">
                  <c:v>42748</c:v>
                </c:pt>
                <c:pt idx="789">
                  <c:v>42751</c:v>
                </c:pt>
                <c:pt idx="790">
                  <c:v>42752</c:v>
                </c:pt>
                <c:pt idx="791">
                  <c:v>42753</c:v>
                </c:pt>
                <c:pt idx="792">
                  <c:v>42754</c:v>
                </c:pt>
                <c:pt idx="793">
                  <c:v>42755</c:v>
                </c:pt>
                <c:pt idx="794">
                  <c:v>42758</c:v>
                </c:pt>
                <c:pt idx="795">
                  <c:v>42759</c:v>
                </c:pt>
                <c:pt idx="796">
                  <c:v>42760</c:v>
                </c:pt>
                <c:pt idx="797">
                  <c:v>42761</c:v>
                </c:pt>
                <c:pt idx="798">
                  <c:v>42762</c:v>
                </c:pt>
                <c:pt idx="799">
                  <c:v>42765</c:v>
                </c:pt>
                <c:pt idx="800">
                  <c:v>42766</c:v>
                </c:pt>
                <c:pt idx="801">
                  <c:v>42767</c:v>
                </c:pt>
                <c:pt idx="802">
                  <c:v>42768</c:v>
                </c:pt>
                <c:pt idx="803">
                  <c:v>42769</c:v>
                </c:pt>
                <c:pt idx="804">
                  <c:v>42772</c:v>
                </c:pt>
                <c:pt idx="805">
                  <c:v>42773</c:v>
                </c:pt>
                <c:pt idx="806">
                  <c:v>42774</c:v>
                </c:pt>
                <c:pt idx="807">
                  <c:v>42775</c:v>
                </c:pt>
                <c:pt idx="808">
                  <c:v>42776</c:v>
                </c:pt>
                <c:pt idx="809">
                  <c:v>42779</c:v>
                </c:pt>
                <c:pt idx="810">
                  <c:v>42780</c:v>
                </c:pt>
                <c:pt idx="811">
                  <c:v>42781</c:v>
                </c:pt>
                <c:pt idx="812">
                  <c:v>42782</c:v>
                </c:pt>
                <c:pt idx="813">
                  <c:v>42783</c:v>
                </c:pt>
                <c:pt idx="814" formatCode="mm/dd/yyyy">
                  <c:v>42786</c:v>
                </c:pt>
                <c:pt idx="815" formatCode="mm/dd/yyyy">
                  <c:v>42787</c:v>
                </c:pt>
                <c:pt idx="816" formatCode="mm/dd/yyyy">
                  <c:v>42788</c:v>
                </c:pt>
                <c:pt idx="817" formatCode="mm/dd/yyyy">
                  <c:v>42789</c:v>
                </c:pt>
                <c:pt idx="818" formatCode="mm/dd/yyyy">
                  <c:v>42790</c:v>
                </c:pt>
                <c:pt idx="819" formatCode="mm/dd/yyyy">
                  <c:v>42793</c:v>
                </c:pt>
                <c:pt idx="820" formatCode="mm/dd/yyyy">
                  <c:v>42794</c:v>
                </c:pt>
                <c:pt idx="821" formatCode="mm/dd/yyyy">
                  <c:v>42795</c:v>
                </c:pt>
                <c:pt idx="822" formatCode="mm/dd/yyyy">
                  <c:v>42796</c:v>
                </c:pt>
                <c:pt idx="823" formatCode="mm/dd/yyyy">
                  <c:v>42797</c:v>
                </c:pt>
                <c:pt idx="824" formatCode="mm/dd/yyyy">
                  <c:v>42800</c:v>
                </c:pt>
                <c:pt idx="825" formatCode="mm/dd/yyyy">
                  <c:v>42801</c:v>
                </c:pt>
                <c:pt idx="826" formatCode="mm/dd/yyyy">
                  <c:v>42802</c:v>
                </c:pt>
                <c:pt idx="827" formatCode="mm/dd/yyyy">
                  <c:v>42803</c:v>
                </c:pt>
                <c:pt idx="828" formatCode="mm/dd/yyyy">
                  <c:v>42804</c:v>
                </c:pt>
                <c:pt idx="829" formatCode="mm/dd/yyyy">
                  <c:v>42807</c:v>
                </c:pt>
                <c:pt idx="830" formatCode="mm/dd/yyyy">
                  <c:v>42808</c:v>
                </c:pt>
                <c:pt idx="831" formatCode="mm/dd/yyyy">
                  <c:v>42809</c:v>
                </c:pt>
                <c:pt idx="832" formatCode="mm/dd/yyyy">
                  <c:v>42810</c:v>
                </c:pt>
                <c:pt idx="833" formatCode="mm/dd/yyyy">
                  <c:v>42811</c:v>
                </c:pt>
                <c:pt idx="834" formatCode="mm/dd/yyyy">
                  <c:v>42814</c:v>
                </c:pt>
                <c:pt idx="835" formatCode="mm/dd/yyyy">
                  <c:v>42815</c:v>
                </c:pt>
                <c:pt idx="836" formatCode="mm/dd/yyyy">
                  <c:v>42816</c:v>
                </c:pt>
                <c:pt idx="837" formatCode="mm/dd/yyyy">
                  <c:v>42817</c:v>
                </c:pt>
                <c:pt idx="838" formatCode="mm/dd/yyyy">
                  <c:v>42818</c:v>
                </c:pt>
                <c:pt idx="839" formatCode="mm/dd/yyyy">
                  <c:v>42821</c:v>
                </c:pt>
                <c:pt idx="840" formatCode="mm/dd/yyyy">
                  <c:v>42822</c:v>
                </c:pt>
                <c:pt idx="841" formatCode="mm/dd/yyyy">
                  <c:v>42823</c:v>
                </c:pt>
                <c:pt idx="842" formatCode="mm/dd/yyyy">
                  <c:v>42824</c:v>
                </c:pt>
                <c:pt idx="843" formatCode="mm/dd/yyyy">
                  <c:v>42825</c:v>
                </c:pt>
                <c:pt idx="844" formatCode="mm/dd/yyyy">
                  <c:v>42828</c:v>
                </c:pt>
                <c:pt idx="845" formatCode="mm/dd/yyyy">
                  <c:v>42829</c:v>
                </c:pt>
                <c:pt idx="846" formatCode="mm/dd/yyyy">
                  <c:v>42830</c:v>
                </c:pt>
                <c:pt idx="847" formatCode="mm/dd/yyyy">
                  <c:v>42831</c:v>
                </c:pt>
                <c:pt idx="848" formatCode="mm/dd/yyyy">
                  <c:v>42832</c:v>
                </c:pt>
                <c:pt idx="849" formatCode="mm/dd/yyyy">
                  <c:v>42835</c:v>
                </c:pt>
                <c:pt idx="850" formatCode="mm/dd/yyyy">
                  <c:v>42836</c:v>
                </c:pt>
                <c:pt idx="851" formatCode="mm/dd/yyyy">
                  <c:v>42837</c:v>
                </c:pt>
                <c:pt idx="852" formatCode="mm/dd/yyyy">
                  <c:v>42838</c:v>
                </c:pt>
                <c:pt idx="853" formatCode="mm/dd/yyyy">
                  <c:v>42842</c:v>
                </c:pt>
                <c:pt idx="854" formatCode="mm/dd/yyyy">
                  <c:v>42843</c:v>
                </c:pt>
                <c:pt idx="855" formatCode="mm/dd/yyyy">
                  <c:v>42844</c:v>
                </c:pt>
                <c:pt idx="856" formatCode="mm/dd/yyyy">
                  <c:v>42845</c:v>
                </c:pt>
                <c:pt idx="857" formatCode="mm/dd/yyyy">
                  <c:v>42846</c:v>
                </c:pt>
                <c:pt idx="858" formatCode="mm/dd/yyyy">
                  <c:v>42849</c:v>
                </c:pt>
                <c:pt idx="859" formatCode="mm/dd/yyyy">
                  <c:v>42850</c:v>
                </c:pt>
                <c:pt idx="860" formatCode="mm/dd/yyyy">
                  <c:v>42851</c:v>
                </c:pt>
                <c:pt idx="861" formatCode="mm/dd/yyyy">
                  <c:v>42852</c:v>
                </c:pt>
                <c:pt idx="862" formatCode="mm/dd/yyyy">
                  <c:v>42853</c:v>
                </c:pt>
                <c:pt idx="863" formatCode="mm/dd/yyyy">
                  <c:v>42856</c:v>
                </c:pt>
                <c:pt idx="864" formatCode="mm/dd/yyyy">
                  <c:v>42857</c:v>
                </c:pt>
                <c:pt idx="865" formatCode="mm/dd/yyyy">
                  <c:v>42858</c:v>
                </c:pt>
                <c:pt idx="866" formatCode="mm/dd/yyyy">
                  <c:v>42859</c:v>
                </c:pt>
                <c:pt idx="867" formatCode="mm/dd/yyyy">
                  <c:v>42860</c:v>
                </c:pt>
                <c:pt idx="868" formatCode="mm/dd/yyyy">
                  <c:v>42863</c:v>
                </c:pt>
                <c:pt idx="869" formatCode="mm/dd/yyyy">
                  <c:v>42864</c:v>
                </c:pt>
                <c:pt idx="870" formatCode="mm/dd/yyyy">
                  <c:v>42865</c:v>
                </c:pt>
                <c:pt idx="871" formatCode="mm/dd/yyyy">
                  <c:v>42866</c:v>
                </c:pt>
                <c:pt idx="872" formatCode="mm/dd/yyyy">
                  <c:v>42867</c:v>
                </c:pt>
                <c:pt idx="873" formatCode="mm/dd/yyyy">
                  <c:v>42870</c:v>
                </c:pt>
                <c:pt idx="874" formatCode="mm/dd/yyyy">
                  <c:v>42871</c:v>
                </c:pt>
                <c:pt idx="875" formatCode="mm/dd/yyyy">
                  <c:v>42872</c:v>
                </c:pt>
                <c:pt idx="876" formatCode="mm/dd/yyyy">
                  <c:v>42873</c:v>
                </c:pt>
                <c:pt idx="877" formatCode="mm/dd/yyyy">
                  <c:v>42874</c:v>
                </c:pt>
                <c:pt idx="878" formatCode="mm/dd/yyyy">
                  <c:v>42877</c:v>
                </c:pt>
                <c:pt idx="879" formatCode="mm/dd/yyyy">
                  <c:v>42878</c:v>
                </c:pt>
                <c:pt idx="880" formatCode="mm/dd/yyyy">
                  <c:v>42879</c:v>
                </c:pt>
                <c:pt idx="881" formatCode="mm/dd/yyyy">
                  <c:v>42880</c:v>
                </c:pt>
                <c:pt idx="882" formatCode="mm/dd/yyyy">
                  <c:v>42881</c:v>
                </c:pt>
                <c:pt idx="883" formatCode="mm/dd/yyyy">
                  <c:v>42884</c:v>
                </c:pt>
                <c:pt idx="884" formatCode="mm/dd/yyyy">
                  <c:v>42885</c:v>
                </c:pt>
                <c:pt idx="885" formatCode="mm/dd/yyyy">
                  <c:v>42886</c:v>
                </c:pt>
                <c:pt idx="886" formatCode="mm/dd/yyyy">
                  <c:v>42887</c:v>
                </c:pt>
                <c:pt idx="887" formatCode="mm/dd/yyyy">
                  <c:v>42888</c:v>
                </c:pt>
                <c:pt idx="888" formatCode="mm/dd/yyyy">
                  <c:v>42891</c:v>
                </c:pt>
                <c:pt idx="889" formatCode="mm/dd/yyyy">
                  <c:v>42892</c:v>
                </c:pt>
                <c:pt idx="890" formatCode="mm/dd/yyyy">
                  <c:v>42893</c:v>
                </c:pt>
                <c:pt idx="891" formatCode="mm/dd/yyyy">
                  <c:v>42894</c:v>
                </c:pt>
                <c:pt idx="892" formatCode="mm/dd/yyyy">
                  <c:v>42895</c:v>
                </c:pt>
                <c:pt idx="893" formatCode="mm/dd/yyyy">
                  <c:v>42898</c:v>
                </c:pt>
                <c:pt idx="894" formatCode="mm/dd/yyyy">
                  <c:v>42899</c:v>
                </c:pt>
                <c:pt idx="895" formatCode="mm/dd/yyyy">
                  <c:v>42900</c:v>
                </c:pt>
                <c:pt idx="896" formatCode="mm/dd/yyyy">
                  <c:v>42901</c:v>
                </c:pt>
                <c:pt idx="897" formatCode="mm/dd/yyyy">
                  <c:v>42902</c:v>
                </c:pt>
                <c:pt idx="898" formatCode="mm/dd/yyyy">
                  <c:v>42905</c:v>
                </c:pt>
                <c:pt idx="899" formatCode="mm/dd/yyyy">
                  <c:v>42906</c:v>
                </c:pt>
                <c:pt idx="900" formatCode="mm/dd/yyyy">
                  <c:v>42907</c:v>
                </c:pt>
                <c:pt idx="901" formatCode="mm/dd/yyyy">
                  <c:v>42908</c:v>
                </c:pt>
                <c:pt idx="902" formatCode="mm/dd/yyyy">
                  <c:v>42909</c:v>
                </c:pt>
                <c:pt idx="903" formatCode="mm/dd/yyyy">
                  <c:v>42912</c:v>
                </c:pt>
                <c:pt idx="904" formatCode="mm/dd/yyyy">
                  <c:v>42913</c:v>
                </c:pt>
                <c:pt idx="905" formatCode="mm/dd/yyyy">
                  <c:v>42914</c:v>
                </c:pt>
                <c:pt idx="906" formatCode="mm/dd/yyyy">
                  <c:v>42915</c:v>
                </c:pt>
                <c:pt idx="907" formatCode="mm/dd/yyyy">
                  <c:v>42916</c:v>
                </c:pt>
                <c:pt idx="908" formatCode="mm/dd/yyyy">
                  <c:v>42919</c:v>
                </c:pt>
                <c:pt idx="909" formatCode="mm/dd/yyyy">
                  <c:v>42920</c:v>
                </c:pt>
                <c:pt idx="910" formatCode="mm/dd/yyyy">
                  <c:v>42921</c:v>
                </c:pt>
                <c:pt idx="911" formatCode="mm/dd/yyyy">
                  <c:v>42922</c:v>
                </c:pt>
                <c:pt idx="912" formatCode="mm/dd/yyyy">
                  <c:v>42923</c:v>
                </c:pt>
                <c:pt idx="913" formatCode="mm/dd/yyyy">
                  <c:v>42926</c:v>
                </c:pt>
                <c:pt idx="914" formatCode="mm/dd/yyyy">
                  <c:v>42927</c:v>
                </c:pt>
                <c:pt idx="915" formatCode="mm/dd/yyyy">
                  <c:v>42928</c:v>
                </c:pt>
                <c:pt idx="916" formatCode="mm/dd/yyyy">
                  <c:v>42929</c:v>
                </c:pt>
                <c:pt idx="917" formatCode="mm/dd/yyyy">
                  <c:v>42930</c:v>
                </c:pt>
                <c:pt idx="918" formatCode="mm/dd/yyyy">
                  <c:v>42933</c:v>
                </c:pt>
                <c:pt idx="919" formatCode="mm/dd/yyyy">
                  <c:v>42934</c:v>
                </c:pt>
                <c:pt idx="920" formatCode="mm/dd/yyyy">
                  <c:v>42935</c:v>
                </c:pt>
                <c:pt idx="921" formatCode="mm/dd/yyyy">
                  <c:v>42936</c:v>
                </c:pt>
                <c:pt idx="922" formatCode="mm/dd/yyyy">
                  <c:v>42937</c:v>
                </c:pt>
                <c:pt idx="923" formatCode="mm/dd/yyyy">
                  <c:v>42940</c:v>
                </c:pt>
                <c:pt idx="924" formatCode="mm/dd/yyyy">
                  <c:v>42941</c:v>
                </c:pt>
                <c:pt idx="925" formatCode="mm/dd/yyyy">
                  <c:v>42942</c:v>
                </c:pt>
                <c:pt idx="926" formatCode="mm/dd/yyyy">
                  <c:v>42943</c:v>
                </c:pt>
                <c:pt idx="927" formatCode="mm/dd/yyyy">
                  <c:v>42944</c:v>
                </c:pt>
                <c:pt idx="928" formatCode="mm/dd/yyyy">
                  <c:v>42947</c:v>
                </c:pt>
                <c:pt idx="929" formatCode="mm/dd/yyyy">
                  <c:v>42948</c:v>
                </c:pt>
                <c:pt idx="930" formatCode="mm/dd/yyyy">
                  <c:v>42949</c:v>
                </c:pt>
                <c:pt idx="931" formatCode="mm/dd/yyyy">
                  <c:v>42950</c:v>
                </c:pt>
                <c:pt idx="932" formatCode="mm/dd/yyyy">
                  <c:v>42951</c:v>
                </c:pt>
                <c:pt idx="933" formatCode="mm/dd/yyyy">
                  <c:v>42954</c:v>
                </c:pt>
                <c:pt idx="934" formatCode="mm/dd/yyyy">
                  <c:v>42955</c:v>
                </c:pt>
                <c:pt idx="935" formatCode="mm/dd/yyyy">
                  <c:v>42956</c:v>
                </c:pt>
                <c:pt idx="936" formatCode="mm/dd/yyyy">
                  <c:v>42957</c:v>
                </c:pt>
                <c:pt idx="937" formatCode="mm/dd/yyyy">
                  <c:v>42958</c:v>
                </c:pt>
                <c:pt idx="938" formatCode="mm/dd/yyyy">
                  <c:v>42961</c:v>
                </c:pt>
                <c:pt idx="939" formatCode="mm/dd/yyyy">
                  <c:v>42962</c:v>
                </c:pt>
                <c:pt idx="940" formatCode="mm/dd/yyyy">
                  <c:v>42963</c:v>
                </c:pt>
                <c:pt idx="941" formatCode="mm/dd/yyyy">
                  <c:v>42964</c:v>
                </c:pt>
                <c:pt idx="942" formatCode="mm/dd/yyyy">
                  <c:v>42965</c:v>
                </c:pt>
                <c:pt idx="943" formatCode="mm/dd/yyyy">
                  <c:v>42968</c:v>
                </c:pt>
                <c:pt idx="944" formatCode="mm/dd/yyyy">
                  <c:v>42969</c:v>
                </c:pt>
                <c:pt idx="945" formatCode="mm/dd/yyyy">
                  <c:v>42970</c:v>
                </c:pt>
                <c:pt idx="946" formatCode="mm/dd/yyyy">
                  <c:v>42971</c:v>
                </c:pt>
                <c:pt idx="947" formatCode="mm/dd/yyyy">
                  <c:v>42972</c:v>
                </c:pt>
                <c:pt idx="948" formatCode="mm/dd/yyyy">
                  <c:v>42975</c:v>
                </c:pt>
                <c:pt idx="949" formatCode="mm/dd/yyyy">
                  <c:v>42976</c:v>
                </c:pt>
                <c:pt idx="950" formatCode="mm/dd/yyyy">
                  <c:v>42977</c:v>
                </c:pt>
                <c:pt idx="951" formatCode="mm/dd/yyyy">
                  <c:v>42978</c:v>
                </c:pt>
                <c:pt idx="952" formatCode="mm/dd/yyyy">
                  <c:v>42979</c:v>
                </c:pt>
                <c:pt idx="953" formatCode="mm/dd/yyyy">
                  <c:v>42982</c:v>
                </c:pt>
                <c:pt idx="954" formatCode="mm/dd/yyyy">
                  <c:v>42983</c:v>
                </c:pt>
                <c:pt idx="955" formatCode="mm/dd/yyyy">
                  <c:v>42984</c:v>
                </c:pt>
                <c:pt idx="956" formatCode="mm/dd/yyyy">
                  <c:v>42985</c:v>
                </c:pt>
                <c:pt idx="957" formatCode="mm/dd/yyyy">
                  <c:v>42986</c:v>
                </c:pt>
                <c:pt idx="958" formatCode="mm/dd/yyyy">
                  <c:v>42989</c:v>
                </c:pt>
                <c:pt idx="959" formatCode="mm/dd/yyyy">
                  <c:v>42990</c:v>
                </c:pt>
                <c:pt idx="960" formatCode="mm/dd/yyyy">
                  <c:v>42991</c:v>
                </c:pt>
                <c:pt idx="961" formatCode="mm/dd/yyyy">
                  <c:v>42992</c:v>
                </c:pt>
                <c:pt idx="962" formatCode="mm/dd/yyyy">
                  <c:v>42993</c:v>
                </c:pt>
                <c:pt idx="963" formatCode="mm/dd/yyyy">
                  <c:v>42996</c:v>
                </c:pt>
                <c:pt idx="964" formatCode="mm/dd/yyyy">
                  <c:v>42997</c:v>
                </c:pt>
                <c:pt idx="965" formatCode="mm/dd/yyyy">
                  <c:v>42998</c:v>
                </c:pt>
                <c:pt idx="966" formatCode="mm/dd/yyyy">
                  <c:v>42999</c:v>
                </c:pt>
                <c:pt idx="967" formatCode="mm/dd/yyyy">
                  <c:v>43000</c:v>
                </c:pt>
                <c:pt idx="968" formatCode="mm/dd/yyyy">
                  <c:v>43003</c:v>
                </c:pt>
                <c:pt idx="969" formatCode="mm/dd/yyyy">
                  <c:v>43004</c:v>
                </c:pt>
                <c:pt idx="970" formatCode="mm/dd/yyyy">
                  <c:v>43005</c:v>
                </c:pt>
                <c:pt idx="971" formatCode="mm/dd/yyyy">
                  <c:v>43006</c:v>
                </c:pt>
                <c:pt idx="972" formatCode="mm/dd/yyyy">
                  <c:v>43007</c:v>
                </c:pt>
                <c:pt idx="973" formatCode="mm/dd/yyyy">
                  <c:v>43010</c:v>
                </c:pt>
                <c:pt idx="974" formatCode="mm/dd/yyyy">
                  <c:v>43011</c:v>
                </c:pt>
                <c:pt idx="975" formatCode="mm/dd/yyyy">
                  <c:v>43012</c:v>
                </c:pt>
                <c:pt idx="976" formatCode="mm/dd/yyyy">
                  <c:v>43013</c:v>
                </c:pt>
                <c:pt idx="977" formatCode="mm/dd/yyyy">
                  <c:v>43014</c:v>
                </c:pt>
                <c:pt idx="978" formatCode="mm/dd/yyyy">
                  <c:v>43017</c:v>
                </c:pt>
                <c:pt idx="979" formatCode="mm/dd/yyyy">
                  <c:v>43018</c:v>
                </c:pt>
                <c:pt idx="980" formatCode="mm/dd/yyyy">
                  <c:v>43019</c:v>
                </c:pt>
                <c:pt idx="981" formatCode="mm/dd/yyyy">
                  <c:v>43020</c:v>
                </c:pt>
                <c:pt idx="982" formatCode="mm/dd/yyyy">
                  <c:v>43021</c:v>
                </c:pt>
                <c:pt idx="983" formatCode="mm/dd/yyyy">
                  <c:v>43024</c:v>
                </c:pt>
                <c:pt idx="984" formatCode="mm/dd/yyyy">
                  <c:v>43025</c:v>
                </c:pt>
                <c:pt idx="985" formatCode="mm/dd/yyyy">
                  <c:v>43026</c:v>
                </c:pt>
                <c:pt idx="986" formatCode="mm/dd/yyyy">
                  <c:v>43027</c:v>
                </c:pt>
                <c:pt idx="987" formatCode="mm/dd/yyyy">
                  <c:v>43028</c:v>
                </c:pt>
                <c:pt idx="988" formatCode="mm/dd/yyyy">
                  <c:v>43031</c:v>
                </c:pt>
                <c:pt idx="989" formatCode="mm/dd/yyyy">
                  <c:v>43032</c:v>
                </c:pt>
                <c:pt idx="990" formatCode="mm/dd/yyyy">
                  <c:v>43033</c:v>
                </c:pt>
                <c:pt idx="991" formatCode="mm/dd/yyyy">
                  <c:v>43034</c:v>
                </c:pt>
                <c:pt idx="992" formatCode="mm/dd/yyyy">
                  <c:v>43035</c:v>
                </c:pt>
                <c:pt idx="993" formatCode="mm/dd/yyyy">
                  <c:v>43038</c:v>
                </c:pt>
                <c:pt idx="994" formatCode="mm/dd/yyyy">
                  <c:v>43039</c:v>
                </c:pt>
                <c:pt idx="995" formatCode="mm/dd/yyyy">
                  <c:v>43040</c:v>
                </c:pt>
                <c:pt idx="996" formatCode="mm/dd/yyyy">
                  <c:v>43041</c:v>
                </c:pt>
                <c:pt idx="997" formatCode="mm/dd/yyyy">
                  <c:v>43042</c:v>
                </c:pt>
                <c:pt idx="998" formatCode="mm/dd/yyyy">
                  <c:v>43045</c:v>
                </c:pt>
                <c:pt idx="999" formatCode="mm/dd/yyyy">
                  <c:v>43046</c:v>
                </c:pt>
                <c:pt idx="1000" formatCode="mm/dd/yyyy">
                  <c:v>43047</c:v>
                </c:pt>
                <c:pt idx="1001" formatCode="mm/dd/yyyy">
                  <c:v>43048</c:v>
                </c:pt>
                <c:pt idx="1002" formatCode="mm/dd/yyyy">
                  <c:v>43049</c:v>
                </c:pt>
                <c:pt idx="1003" formatCode="mm/dd/yyyy">
                  <c:v>43052</c:v>
                </c:pt>
                <c:pt idx="1004" formatCode="mm/dd/yyyy">
                  <c:v>43053</c:v>
                </c:pt>
                <c:pt idx="1005" formatCode="mm/dd/yyyy">
                  <c:v>43054</c:v>
                </c:pt>
                <c:pt idx="1006" formatCode="mm/dd/yyyy">
                  <c:v>43055</c:v>
                </c:pt>
                <c:pt idx="1007" formatCode="mm/dd/yyyy">
                  <c:v>43056</c:v>
                </c:pt>
                <c:pt idx="1008" formatCode="mm/dd/yyyy">
                  <c:v>43059</c:v>
                </c:pt>
                <c:pt idx="1009" formatCode="mm/dd/yyyy">
                  <c:v>43060</c:v>
                </c:pt>
                <c:pt idx="1010" formatCode="mm/dd/yyyy">
                  <c:v>43061</c:v>
                </c:pt>
                <c:pt idx="1011" formatCode="mm/dd/yyyy">
                  <c:v>43062</c:v>
                </c:pt>
                <c:pt idx="1012" formatCode="mm/dd/yyyy">
                  <c:v>43063</c:v>
                </c:pt>
                <c:pt idx="1013" formatCode="mm/dd/yyyy">
                  <c:v>43066</c:v>
                </c:pt>
                <c:pt idx="1014" formatCode="mm/dd/yyyy">
                  <c:v>43067</c:v>
                </c:pt>
                <c:pt idx="1015" formatCode="mm/dd/yyyy">
                  <c:v>43068</c:v>
                </c:pt>
                <c:pt idx="1016" formatCode="mm/dd/yyyy">
                  <c:v>43069</c:v>
                </c:pt>
                <c:pt idx="1017" formatCode="mm/dd/yyyy">
                  <c:v>43070</c:v>
                </c:pt>
                <c:pt idx="1018" formatCode="mm/dd/yyyy">
                  <c:v>43073</c:v>
                </c:pt>
                <c:pt idx="1019" formatCode="mm/dd/yyyy">
                  <c:v>43074</c:v>
                </c:pt>
                <c:pt idx="1020" formatCode="mm/dd/yyyy">
                  <c:v>43075</c:v>
                </c:pt>
                <c:pt idx="1021" formatCode="mm/dd/yyyy">
                  <c:v>43076</c:v>
                </c:pt>
                <c:pt idx="1022" formatCode="mm/dd/yyyy">
                  <c:v>43077</c:v>
                </c:pt>
                <c:pt idx="1023" formatCode="mm/dd/yyyy">
                  <c:v>43080</c:v>
                </c:pt>
                <c:pt idx="1024" formatCode="mm/dd/yyyy">
                  <c:v>43081</c:v>
                </c:pt>
                <c:pt idx="1025" formatCode="mm/dd/yyyy">
                  <c:v>43082</c:v>
                </c:pt>
                <c:pt idx="1026" formatCode="mm/dd/yyyy">
                  <c:v>43083</c:v>
                </c:pt>
                <c:pt idx="1027" formatCode="mm/dd/yyyy">
                  <c:v>43084</c:v>
                </c:pt>
                <c:pt idx="1028" formatCode="mm/dd/yyyy">
                  <c:v>43087</c:v>
                </c:pt>
                <c:pt idx="1029" formatCode="mm/dd/yyyy">
                  <c:v>43088</c:v>
                </c:pt>
                <c:pt idx="1030" formatCode="mm/dd/yyyy">
                  <c:v>43089</c:v>
                </c:pt>
                <c:pt idx="1031" formatCode="mm/dd/yyyy">
                  <c:v>43090</c:v>
                </c:pt>
                <c:pt idx="1032" formatCode="mm/dd/yyyy">
                  <c:v>43091</c:v>
                </c:pt>
                <c:pt idx="1033" formatCode="mm/dd/yyyy">
                  <c:v>43094</c:v>
                </c:pt>
                <c:pt idx="1034" formatCode="mm/dd/yyyy">
                  <c:v>43095</c:v>
                </c:pt>
                <c:pt idx="1035" formatCode="mm/dd/yyyy">
                  <c:v>43096</c:v>
                </c:pt>
                <c:pt idx="1036" formatCode="mm/dd/yyyy">
                  <c:v>43097</c:v>
                </c:pt>
                <c:pt idx="1037" formatCode="mm/dd/yyyy">
                  <c:v>43098</c:v>
                </c:pt>
                <c:pt idx="1038" formatCode="mm/dd/yyyy">
                  <c:v>43101</c:v>
                </c:pt>
                <c:pt idx="1039" formatCode="mm/dd/yyyy">
                  <c:v>43102</c:v>
                </c:pt>
                <c:pt idx="1040" formatCode="mm/dd/yyyy">
                  <c:v>43103</c:v>
                </c:pt>
                <c:pt idx="1041" formatCode="mm/dd/yyyy">
                  <c:v>43104</c:v>
                </c:pt>
                <c:pt idx="1042" formatCode="mm/dd/yyyy">
                  <c:v>43105</c:v>
                </c:pt>
                <c:pt idx="1043" formatCode="mm/dd/yyyy">
                  <c:v>43108</c:v>
                </c:pt>
                <c:pt idx="1044" formatCode="mm/dd/yyyy">
                  <c:v>43109</c:v>
                </c:pt>
                <c:pt idx="1045" formatCode="mm/dd/yyyy">
                  <c:v>43110</c:v>
                </c:pt>
                <c:pt idx="1046" formatCode="mm/dd/yyyy">
                  <c:v>43111</c:v>
                </c:pt>
                <c:pt idx="1047" formatCode="mm/dd/yyyy">
                  <c:v>43112</c:v>
                </c:pt>
                <c:pt idx="1048" formatCode="mm/dd/yyyy">
                  <c:v>43115</c:v>
                </c:pt>
                <c:pt idx="1049" formatCode="mm/dd/yyyy">
                  <c:v>43116</c:v>
                </c:pt>
                <c:pt idx="1050" formatCode="mm/dd/yyyy">
                  <c:v>43117</c:v>
                </c:pt>
                <c:pt idx="1051" formatCode="mm/dd/yyyy">
                  <c:v>43118</c:v>
                </c:pt>
                <c:pt idx="1052" formatCode="mm/dd/yyyy">
                  <c:v>43119</c:v>
                </c:pt>
                <c:pt idx="1053" formatCode="mm/dd/yyyy">
                  <c:v>43122</c:v>
                </c:pt>
                <c:pt idx="1054" formatCode="mm/dd/yyyy">
                  <c:v>43123</c:v>
                </c:pt>
                <c:pt idx="1055" formatCode="mm/dd/yyyy">
                  <c:v>43124</c:v>
                </c:pt>
                <c:pt idx="1056" formatCode="mm/dd/yyyy">
                  <c:v>43125</c:v>
                </c:pt>
                <c:pt idx="1057" formatCode="mm/dd/yyyy">
                  <c:v>43126</c:v>
                </c:pt>
                <c:pt idx="1058" formatCode="mm/dd/yyyy">
                  <c:v>43129</c:v>
                </c:pt>
                <c:pt idx="1059" formatCode="mm/dd/yyyy">
                  <c:v>43130</c:v>
                </c:pt>
                <c:pt idx="1060" formatCode="mm/dd/yyyy">
                  <c:v>43131</c:v>
                </c:pt>
                <c:pt idx="1061" formatCode="mm/dd/yyyy">
                  <c:v>43132</c:v>
                </c:pt>
                <c:pt idx="1062" formatCode="mm/dd/yyyy">
                  <c:v>43133</c:v>
                </c:pt>
                <c:pt idx="1063" formatCode="mm/dd/yyyy">
                  <c:v>43136</c:v>
                </c:pt>
                <c:pt idx="1064" formatCode="mm/dd/yyyy">
                  <c:v>43137</c:v>
                </c:pt>
                <c:pt idx="1065" formatCode="mm/dd/yyyy">
                  <c:v>43138</c:v>
                </c:pt>
                <c:pt idx="1066" formatCode="mm/dd/yyyy">
                  <c:v>43139</c:v>
                </c:pt>
                <c:pt idx="1067" formatCode="mm/dd/yyyy">
                  <c:v>43140</c:v>
                </c:pt>
                <c:pt idx="1068" formatCode="mm/dd/yyyy">
                  <c:v>43143</c:v>
                </c:pt>
                <c:pt idx="1069" formatCode="mm/dd/yyyy">
                  <c:v>43144</c:v>
                </c:pt>
                <c:pt idx="1070" formatCode="mm/dd/yyyy">
                  <c:v>43145</c:v>
                </c:pt>
                <c:pt idx="1071" formatCode="mm/dd/yyyy">
                  <c:v>43146</c:v>
                </c:pt>
                <c:pt idx="1072" formatCode="mm/dd/yyyy">
                  <c:v>43147</c:v>
                </c:pt>
                <c:pt idx="1073" formatCode="mm/dd/yyyy">
                  <c:v>43150</c:v>
                </c:pt>
                <c:pt idx="1074" formatCode="mm/dd/yyyy">
                  <c:v>43151</c:v>
                </c:pt>
                <c:pt idx="1075" formatCode="mm/dd/yyyy">
                  <c:v>43152</c:v>
                </c:pt>
                <c:pt idx="1076" formatCode="mm/dd/yyyy">
                  <c:v>43153</c:v>
                </c:pt>
                <c:pt idx="1077" formatCode="mm/dd/yyyy">
                  <c:v>43154</c:v>
                </c:pt>
                <c:pt idx="1078" formatCode="mm/dd/yyyy">
                  <c:v>43157</c:v>
                </c:pt>
                <c:pt idx="1079" formatCode="mm/dd/yyyy">
                  <c:v>43158</c:v>
                </c:pt>
                <c:pt idx="1080" formatCode="mm/dd/yyyy">
                  <c:v>43159</c:v>
                </c:pt>
                <c:pt idx="1081" formatCode="mm/dd/yyyy">
                  <c:v>43160</c:v>
                </c:pt>
                <c:pt idx="1082" formatCode="mm/dd/yyyy">
                  <c:v>43161</c:v>
                </c:pt>
                <c:pt idx="1083" formatCode="mm/dd/yyyy">
                  <c:v>43164</c:v>
                </c:pt>
                <c:pt idx="1084" formatCode="mm/dd/yyyy">
                  <c:v>43165</c:v>
                </c:pt>
                <c:pt idx="1085" formatCode="mm/dd/yyyy">
                  <c:v>43166</c:v>
                </c:pt>
                <c:pt idx="1086" formatCode="mm/dd/yyyy">
                  <c:v>43167</c:v>
                </c:pt>
                <c:pt idx="1087" formatCode="mm/dd/yyyy">
                  <c:v>43168</c:v>
                </c:pt>
                <c:pt idx="1088" formatCode="mm/dd/yyyy">
                  <c:v>43171</c:v>
                </c:pt>
                <c:pt idx="1089" formatCode="mm/dd/yyyy">
                  <c:v>43172</c:v>
                </c:pt>
                <c:pt idx="1090" formatCode="mm/dd/yyyy">
                  <c:v>43173</c:v>
                </c:pt>
                <c:pt idx="1091" formatCode="mm/dd/yyyy">
                  <c:v>43174</c:v>
                </c:pt>
                <c:pt idx="1092" formatCode="mm/dd/yyyy">
                  <c:v>43175</c:v>
                </c:pt>
                <c:pt idx="1093" formatCode="mm/dd/yyyy">
                  <c:v>43176</c:v>
                </c:pt>
                <c:pt idx="1094" formatCode="mm/dd/yyyy">
                  <c:v>43179</c:v>
                </c:pt>
                <c:pt idx="1095" formatCode="mm/dd/yyyy">
                  <c:v>43180</c:v>
                </c:pt>
                <c:pt idx="1096" formatCode="mm/dd/yyyy">
                  <c:v>43181</c:v>
                </c:pt>
                <c:pt idx="1097" formatCode="mm/dd/yyyy">
                  <c:v>43182</c:v>
                </c:pt>
                <c:pt idx="1098" formatCode="mm/dd/yyyy">
                  <c:v>43183</c:v>
                </c:pt>
                <c:pt idx="1099" formatCode="mm/dd/yyyy">
                  <c:v>43186</c:v>
                </c:pt>
                <c:pt idx="1100" formatCode="mm/dd/yyyy">
                  <c:v>43187</c:v>
                </c:pt>
                <c:pt idx="1101" formatCode="mm/dd/yyyy">
                  <c:v>43188</c:v>
                </c:pt>
                <c:pt idx="1102" formatCode="mm/dd/yyyy">
                  <c:v>43189</c:v>
                </c:pt>
                <c:pt idx="1103" formatCode="mm/dd/yyyy">
                  <c:v>43190</c:v>
                </c:pt>
                <c:pt idx="1104" formatCode="mm/dd/yyyy">
                  <c:v>43193</c:v>
                </c:pt>
                <c:pt idx="1105" formatCode="mm/dd/yyyy">
                  <c:v>43194</c:v>
                </c:pt>
                <c:pt idx="1106" formatCode="mm/dd/yyyy">
                  <c:v>43195</c:v>
                </c:pt>
                <c:pt idx="1107" formatCode="mm/dd/yyyy">
                  <c:v>43196</c:v>
                </c:pt>
                <c:pt idx="1108" formatCode="mm/dd/yyyy">
                  <c:v>43197</c:v>
                </c:pt>
                <c:pt idx="1109" formatCode="mm/dd/yyyy">
                  <c:v>43200</c:v>
                </c:pt>
                <c:pt idx="1110" formatCode="mm/dd/yyyy">
                  <c:v>43201</c:v>
                </c:pt>
                <c:pt idx="1111" formatCode="mm/dd/yyyy">
                  <c:v>43202</c:v>
                </c:pt>
                <c:pt idx="1112" formatCode="mm/dd/yyyy">
                  <c:v>43203</c:v>
                </c:pt>
                <c:pt idx="1113" formatCode="mm/dd/yyyy">
                  <c:v>43207</c:v>
                </c:pt>
                <c:pt idx="1114" formatCode="mm/dd/yyyy">
                  <c:v>43208</c:v>
                </c:pt>
                <c:pt idx="1115" formatCode="mm/dd/yyyy">
                  <c:v>43209</c:v>
                </c:pt>
                <c:pt idx="1116" formatCode="mm/dd/yyyy">
                  <c:v>43210</c:v>
                </c:pt>
                <c:pt idx="1117" formatCode="mm/dd/yyyy">
                  <c:v>43211</c:v>
                </c:pt>
                <c:pt idx="1118" formatCode="mm/dd/yyyy">
                  <c:v>43214</c:v>
                </c:pt>
                <c:pt idx="1119" formatCode="mm/dd/yyyy">
                  <c:v>43215</c:v>
                </c:pt>
                <c:pt idx="1120" formatCode="mm/dd/yyyy">
                  <c:v>43216</c:v>
                </c:pt>
                <c:pt idx="1121" formatCode="mm/dd/yyyy">
                  <c:v>43217</c:v>
                </c:pt>
                <c:pt idx="1122" formatCode="mm/dd/yyyy">
                  <c:v>43218</c:v>
                </c:pt>
                <c:pt idx="1123" formatCode="mm/dd/yyyy">
                  <c:v>43221</c:v>
                </c:pt>
                <c:pt idx="1124" formatCode="mm/dd/yyyy">
                  <c:v>43222</c:v>
                </c:pt>
                <c:pt idx="1125" formatCode="mm/dd/yyyy">
                  <c:v>43223</c:v>
                </c:pt>
                <c:pt idx="1126" formatCode="mm/dd/yyyy">
                  <c:v>43224</c:v>
                </c:pt>
                <c:pt idx="1127" formatCode="mm/dd/yyyy">
                  <c:v>43225</c:v>
                </c:pt>
                <c:pt idx="1128" formatCode="mm/dd/yyyy">
                  <c:v>43228</c:v>
                </c:pt>
                <c:pt idx="1129" formatCode="mm/dd/yyyy">
                  <c:v>43229</c:v>
                </c:pt>
                <c:pt idx="1130" formatCode="mm/dd/yyyy">
                  <c:v>43230</c:v>
                </c:pt>
                <c:pt idx="1131" formatCode="mm/dd/yyyy">
                  <c:v>43231</c:v>
                </c:pt>
                <c:pt idx="1132" formatCode="mm/dd/yyyy">
                  <c:v>43232</c:v>
                </c:pt>
                <c:pt idx="1133" formatCode="mm/dd/yyyy">
                  <c:v>43235</c:v>
                </c:pt>
                <c:pt idx="1134" formatCode="mm/dd/yyyy">
                  <c:v>43236</c:v>
                </c:pt>
                <c:pt idx="1135" formatCode="mm/dd/yyyy">
                  <c:v>43237</c:v>
                </c:pt>
                <c:pt idx="1136" formatCode="mm/dd/yyyy">
                  <c:v>43238</c:v>
                </c:pt>
                <c:pt idx="1137" formatCode="mm/dd/yyyy">
                  <c:v>43239</c:v>
                </c:pt>
                <c:pt idx="1138" formatCode="mm/dd/yyyy">
                  <c:v>43242</c:v>
                </c:pt>
                <c:pt idx="1139" formatCode="mm/dd/yyyy">
                  <c:v>43243</c:v>
                </c:pt>
                <c:pt idx="1140" formatCode="mm/dd/yyyy">
                  <c:v>43244</c:v>
                </c:pt>
                <c:pt idx="1141" formatCode="mm/dd/yyyy">
                  <c:v>43245</c:v>
                </c:pt>
                <c:pt idx="1142" formatCode="mm/dd/yyyy">
                  <c:v>43246</c:v>
                </c:pt>
                <c:pt idx="1143" formatCode="mm/dd/yyyy">
                  <c:v>43249</c:v>
                </c:pt>
                <c:pt idx="1144" formatCode="mm/dd/yyyy">
                  <c:v>43250</c:v>
                </c:pt>
                <c:pt idx="1145" formatCode="mm/dd/yyyy">
                  <c:v>43251</c:v>
                </c:pt>
                <c:pt idx="1146" formatCode="mm/dd/yyyy">
                  <c:v>43252</c:v>
                </c:pt>
                <c:pt idx="1147" formatCode="mm/dd/yyyy">
                  <c:v>43253</c:v>
                </c:pt>
                <c:pt idx="1148" formatCode="mm/dd/yyyy">
                  <c:v>43256</c:v>
                </c:pt>
                <c:pt idx="1149" formatCode="mm/dd/yyyy">
                  <c:v>43257</c:v>
                </c:pt>
                <c:pt idx="1150" formatCode="mm/dd/yyyy">
                  <c:v>43258</c:v>
                </c:pt>
                <c:pt idx="1151" formatCode="mm/dd/yyyy">
                  <c:v>43259</c:v>
                </c:pt>
                <c:pt idx="1152" formatCode="mm/dd/yyyy">
                  <c:v>43260</c:v>
                </c:pt>
                <c:pt idx="1153" formatCode="mm/dd/yyyy">
                  <c:v>43263</c:v>
                </c:pt>
                <c:pt idx="1154" formatCode="mm/dd/yyyy">
                  <c:v>43264</c:v>
                </c:pt>
                <c:pt idx="1155" formatCode="mm/dd/yyyy">
                  <c:v>43265</c:v>
                </c:pt>
                <c:pt idx="1156" formatCode="mm/dd/yyyy">
                  <c:v>43266</c:v>
                </c:pt>
                <c:pt idx="1157" formatCode="mm/dd/yyyy">
                  <c:v>43267</c:v>
                </c:pt>
                <c:pt idx="1158" formatCode="mm/dd/yyyy">
                  <c:v>43270</c:v>
                </c:pt>
                <c:pt idx="1159" formatCode="mm/dd/yyyy">
                  <c:v>43271</c:v>
                </c:pt>
                <c:pt idx="1160" formatCode="mm/dd/yyyy">
                  <c:v>43272</c:v>
                </c:pt>
                <c:pt idx="1161" formatCode="mm/dd/yyyy">
                  <c:v>43273</c:v>
                </c:pt>
                <c:pt idx="1162" formatCode="mm/dd/yyyy">
                  <c:v>43274</c:v>
                </c:pt>
                <c:pt idx="1163" formatCode="mm/dd/yyyy">
                  <c:v>43277</c:v>
                </c:pt>
                <c:pt idx="1164" formatCode="mm/dd/yyyy">
                  <c:v>43278</c:v>
                </c:pt>
                <c:pt idx="1165" formatCode="mm/dd/yyyy">
                  <c:v>43279</c:v>
                </c:pt>
                <c:pt idx="1166" formatCode="mm/dd/yyyy">
                  <c:v>43280</c:v>
                </c:pt>
                <c:pt idx="1167" formatCode="mm/dd/yyyy">
                  <c:v>43281</c:v>
                </c:pt>
                <c:pt idx="1168" formatCode="mm/dd/yyyy">
                  <c:v>43284</c:v>
                </c:pt>
                <c:pt idx="1169" formatCode="mm/dd/yyyy">
                  <c:v>43285</c:v>
                </c:pt>
                <c:pt idx="1170" formatCode="mm/dd/yyyy">
                  <c:v>43286</c:v>
                </c:pt>
                <c:pt idx="1171" formatCode="mm/dd/yyyy">
                  <c:v>43287</c:v>
                </c:pt>
                <c:pt idx="1172" formatCode="mm/dd/yyyy">
                  <c:v>43288</c:v>
                </c:pt>
                <c:pt idx="1173" formatCode="mm/dd/yyyy">
                  <c:v>43291</c:v>
                </c:pt>
                <c:pt idx="1174" formatCode="mm/dd/yyyy">
                  <c:v>43292</c:v>
                </c:pt>
                <c:pt idx="1175" formatCode="mm/dd/yyyy">
                  <c:v>43293</c:v>
                </c:pt>
                <c:pt idx="1176" formatCode="mm/dd/yyyy">
                  <c:v>43294</c:v>
                </c:pt>
                <c:pt idx="1177" formatCode="mm/dd/yyyy">
                  <c:v>43295</c:v>
                </c:pt>
                <c:pt idx="1178" formatCode="mm/dd/yyyy">
                  <c:v>43298</c:v>
                </c:pt>
                <c:pt idx="1179" formatCode="mm/dd/yyyy">
                  <c:v>43299</c:v>
                </c:pt>
                <c:pt idx="1180" formatCode="mm/dd/yyyy">
                  <c:v>43300</c:v>
                </c:pt>
                <c:pt idx="1181" formatCode="mm/dd/yyyy">
                  <c:v>43301</c:v>
                </c:pt>
                <c:pt idx="1182" formatCode="mm/dd/yyyy">
                  <c:v>43302</c:v>
                </c:pt>
                <c:pt idx="1183" formatCode="mm/dd/yyyy">
                  <c:v>43305</c:v>
                </c:pt>
                <c:pt idx="1184" formatCode="mm/dd/yyyy">
                  <c:v>43306</c:v>
                </c:pt>
                <c:pt idx="1185" formatCode="mm/dd/yyyy">
                  <c:v>43307</c:v>
                </c:pt>
                <c:pt idx="1186" formatCode="mm/dd/yyyy">
                  <c:v>43308</c:v>
                </c:pt>
                <c:pt idx="1187" formatCode="mm/dd/yyyy">
                  <c:v>43309</c:v>
                </c:pt>
                <c:pt idx="1188" formatCode="mm/dd/yyyy">
                  <c:v>43312</c:v>
                </c:pt>
                <c:pt idx="1189" formatCode="mm/dd/yyyy">
                  <c:v>43313</c:v>
                </c:pt>
                <c:pt idx="1190" formatCode="mm/dd/yyyy">
                  <c:v>43314</c:v>
                </c:pt>
                <c:pt idx="1191" formatCode="mm/dd/yyyy">
                  <c:v>43315</c:v>
                </c:pt>
                <c:pt idx="1192" formatCode="mm/dd/yyyy">
                  <c:v>43316</c:v>
                </c:pt>
                <c:pt idx="1193" formatCode="mm/dd/yyyy">
                  <c:v>43319</c:v>
                </c:pt>
                <c:pt idx="1194" formatCode="mm/dd/yyyy">
                  <c:v>43320</c:v>
                </c:pt>
                <c:pt idx="1195" formatCode="mm/dd/yyyy">
                  <c:v>43321</c:v>
                </c:pt>
                <c:pt idx="1196" formatCode="mm/dd/yyyy">
                  <c:v>43322</c:v>
                </c:pt>
                <c:pt idx="1197" formatCode="mm/dd/yyyy">
                  <c:v>43323</c:v>
                </c:pt>
                <c:pt idx="1198" formatCode="mm/dd/yyyy">
                  <c:v>43326</c:v>
                </c:pt>
                <c:pt idx="1199" formatCode="mm/dd/yyyy">
                  <c:v>43327</c:v>
                </c:pt>
                <c:pt idx="1200" formatCode="mm/dd/yyyy">
                  <c:v>43328</c:v>
                </c:pt>
                <c:pt idx="1201" formatCode="mm/dd/yyyy">
                  <c:v>43329</c:v>
                </c:pt>
                <c:pt idx="1202" formatCode="mm/dd/yyyy">
                  <c:v>43330</c:v>
                </c:pt>
                <c:pt idx="1203" formatCode="mm/dd/yyyy">
                  <c:v>43333</c:v>
                </c:pt>
                <c:pt idx="1204" formatCode="mm/dd/yyyy">
                  <c:v>43334</c:v>
                </c:pt>
                <c:pt idx="1205" formatCode="mm/dd/yyyy">
                  <c:v>43335</c:v>
                </c:pt>
                <c:pt idx="1206" formatCode="mm/dd/yyyy">
                  <c:v>43336</c:v>
                </c:pt>
                <c:pt idx="1207" formatCode="mm/dd/yyyy">
                  <c:v>43337</c:v>
                </c:pt>
                <c:pt idx="1208" formatCode="mm/dd/yyyy">
                  <c:v>43340</c:v>
                </c:pt>
                <c:pt idx="1209" formatCode="mm/dd/yyyy">
                  <c:v>43341</c:v>
                </c:pt>
                <c:pt idx="1210" formatCode="mm/dd/yyyy">
                  <c:v>43342</c:v>
                </c:pt>
                <c:pt idx="1211" formatCode="mm/dd/yyyy">
                  <c:v>43343</c:v>
                </c:pt>
                <c:pt idx="1212" formatCode="mm/dd/yyyy">
                  <c:v>43344</c:v>
                </c:pt>
                <c:pt idx="1213" formatCode="mm/dd/yyyy">
                  <c:v>43347</c:v>
                </c:pt>
                <c:pt idx="1214" formatCode="mm/dd/yyyy">
                  <c:v>43348</c:v>
                </c:pt>
                <c:pt idx="1215" formatCode="mm/dd/yyyy">
                  <c:v>43349</c:v>
                </c:pt>
                <c:pt idx="1216" formatCode="mm/dd/yyyy">
                  <c:v>43350</c:v>
                </c:pt>
                <c:pt idx="1217" formatCode="mm/dd/yyyy">
                  <c:v>43351</c:v>
                </c:pt>
                <c:pt idx="1218" formatCode="mm/dd/yyyy">
                  <c:v>43354</c:v>
                </c:pt>
                <c:pt idx="1219" formatCode="mm/dd/yyyy">
                  <c:v>43355</c:v>
                </c:pt>
                <c:pt idx="1220" formatCode="mm/dd/yyyy">
                  <c:v>43356</c:v>
                </c:pt>
                <c:pt idx="1221" formatCode="mm/dd/yyyy">
                  <c:v>43357</c:v>
                </c:pt>
                <c:pt idx="1222" formatCode="mm/dd/yyyy">
                  <c:v>43358</c:v>
                </c:pt>
                <c:pt idx="1223" formatCode="mm/dd/yyyy">
                  <c:v>43361</c:v>
                </c:pt>
                <c:pt idx="1224" formatCode="mm/dd/yyyy">
                  <c:v>43362</c:v>
                </c:pt>
                <c:pt idx="1225" formatCode="mm/dd/yyyy">
                  <c:v>43363</c:v>
                </c:pt>
                <c:pt idx="1226" formatCode="mm/dd/yyyy">
                  <c:v>43364</c:v>
                </c:pt>
                <c:pt idx="1227" formatCode="mm/dd/yyyy">
                  <c:v>43365</c:v>
                </c:pt>
                <c:pt idx="1228" formatCode="mm/dd/yyyy">
                  <c:v>43368</c:v>
                </c:pt>
                <c:pt idx="1229" formatCode="mm/dd/yyyy">
                  <c:v>43369</c:v>
                </c:pt>
                <c:pt idx="1230" formatCode="mm/dd/yyyy">
                  <c:v>43370</c:v>
                </c:pt>
                <c:pt idx="1231" formatCode="mm/dd/yyyy">
                  <c:v>43371</c:v>
                </c:pt>
                <c:pt idx="1232" formatCode="mm/dd/yyyy">
                  <c:v>43372</c:v>
                </c:pt>
                <c:pt idx="1233" formatCode="mm/dd/yyyy">
                  <c:v>43375</c:v>
                </c:pt>
                <c:pt idx="1234" formatCode="mm/dd/yyyy">
                  <c:v>43376</c:v>
                </c:pt>
                <c:pt idx="1235" formatCode="mm/dd/yyyy">
                  <c:v>43377</c:v>
                </c:pt>
                <c:pt idx="1236" formatCode="mm/dd/yyyy">
                  <c:v>43378</c:v>
                </c:pt>
                <c:pt idx="1237" formatCode="mm/dd/yyyy">
                  <c:v>43379</c:v>
                </c:pt>
                <c:pt idx="1238" formatCode="mm/dd/yyyy">
                  <c:v>43382</c:v>
                </c:pt>
                <c:pt idx="1239" formatCode="mm/dd/yyyy">
                  <c:v>43383</c:v>
                </c:pt>
                <c:pt idx="1240" formatCode="mm/dd/yyyy">
                  <c:v>43384</c:v>
                </c:pt>
                <c:pt idx="1241" formatCode="mm/dd/yyyy">
                  <c:v>43385</c:v>
                </c:pt>
                <c:pt idx="1242" formatCode="mm/dd/yyyy">
                  <c:v>43386</c:v>
                </c:pt>
                <c:pt idx="1243" formatCode="mm/dd/yyyy">
                  <c:v>43389</c:v>
                </c:pt>
                <c:pt idx="1244" formatCode="mm/dd/yyyy">
                  <c:v>43390</c:v>
                </c:pt>
                <c:pt idx="1245" formatCode="mm/dd/yyyy">
                  <c:v>43391</c:v>
                </c:pt>
                <c:pt idx="1246" formatCode="mm/dd/yyyy">
                  <c:v>43392</c:v>
                </c:pt>
                <c:pt idx="1247" formatCode="mm/dd/yyyy">
                  <c:v>43393</c:v>
                </c:pt>
                <c:pt idx="1248" formatCode="mm/dd/yyyy">
                  <c:v>43396</c:v>
                </c:pt>
                <c:pt idx="1249" formatCode="mm/dd/yyyy">
                  <c:v>43397</c:v>
                </c:pt>
                <c:pt idx="1250" formatCode="mm/dd/yyyy">
                  <c:v>43398</c:v>
                </c:pt>
                <c:pt idx="1251" formatCode="mm/dd/yyyy">
                  <c:v>43399</c:v>
                </c:pt>
                <c:pt idx="1252" formatCode="mm/dd/yyyy">
                  <c:v>43400</c:v>
                </c:pt>
                <c:pt idx="1253" formatCode="mm/dd/yyyy">
                  <c:v>43403</c:v>
                </c:pt>
                <c:pt idx="1254" formatCode="mm/dd/yyyy">
                  <c:v>43404</c:v>
                </c:pt>
                <c:pt idx="1255" formatCode="mm/dd/yyyy">
                  <c:v>43405</c:v>
                </c:pt>
                <c:pt idx="1256" formatCode="mm/dd/yyyy">
                  <c:v>43406</c:v>
                </c:pt>
                <c:pt idx="1257" formatCode="mm/dd/yyyy">
                  <c:v>43407</c:v>
                </c:pt>
                <c:pt idx="1258" formatCode="mm/dd/yyyy">
                  <c:v>43410</c:v>
                </c:pt>
                <c:pt idx="1259" formatCode="mm/dd/yyyy">
                  <c:v>43411</c:v>
                </c:pt>
                <c:pt idx="1260" formatCode="mm/dd/yyyy">
                  <c:v>43412</c:v>
                </c:pt>
                <c:pt idx="1261" formatCode="mm/dd/yyyy">
                  <c:v>43413</c:v>
                </c:pt>
                <c:pt idx="1262" formatCode="mm/dd/yyyy">
                  <c:v>43414</c:v>
                </c:pt>
                <c:pt idx="1263" formatCode="mm/dd/yyyy">
                  <c:v>43417</c:v>
                </c:pt>
                <c:pt idx="1264" formatCode="mm/dd/yyyy">
                  <c:v>43418</c:v>
                </c:pt>
                <c:pt idx="1265" formatCode="mm/dd/yyyy">
                  <c:v>43419</c:v>
                </c:pt>
                <c:pt idx="1266" formatCode="mm/dd/yyyy">
                  <c:v>43420</c:v>
                </c:pt>
                <c:pt idx="1267" formatCode="mm/dd/yyyy">
                  <c:v>43421</c:v>
                </c:pt>
                <c:pt idx="1268" formatCode="mm/dd/yyyy">
                  <c:v>43424</c:v>
                </c:pt>
                <c:pt idx="1269" formatCode="mm/dd/yyyy">
                  <c:v>43425</c:v>
                </c:pt>
                <c:pt idx="1270" formatCode="mm/dd/yyyy">
                  <c:v>43426</c:v>
                </c:pt>
                <c:pt idx="1271" formatCode="mm/dd/yyyy">
                  <c:v>43427</c:v>
                </c:pt>
                <c:pt idx="1272" formatCode="mm/dd/yyyy">
                  <c:v>43428</c:v>
                </c:pt>
                <c:pt idx="1273" formatCode="mm/dd/yyyy">
                  <c:v>43431</c:v>
                </c:pt>
                <c:pt idx="1274" formatCode="mm/dd/yyyy">
                  <c:v>43432</c:v>
                </c:pt>
                <c:pt idx="1275" formatCode="mm/dd/yyyy">
                  <c:v>43433</c:v>
                </c:pt>
                <c:pt idx="1276" formatCode="mm/dd/yyyy">
                  <c:v>43434</c:v>
                </c:pt>
                <c:pt idx="1277" formatCode="mm/dd/yyyy">
                  <c:v>43435</c:v>
                </c:pt>
                <c:pt idx="1278" formatCode="mm/dd/yyyy">
                  <c:v>43438</c:v>
                </c:pt>
                <c:pt idx="1279" formatCode="mm/dd/yyyy">
                  <c:v>43439</c:v>
                </c:pt>
                <c:pt idx="1280" formatCode="mm/dd/yyyy">
                  <c:v>43440</c:v>
                </c:pt>
                <c:pt idx="1281" formatCode="mm/dd/yyyy">
                  <c:v>43441</c:v>
                </c:pt>
                <c:pt idx="1282" formatCode="mm/dd/yyyy">
                  <c:v>43442</c:v>
                </c:pt>
                <c:pt idx="1283" formatCode="mm/dd/yyyy">
                  <c:v>43445</c:v>
                </c:pt>
                <c:pt idx="1284" formatCode="mm/dd/yyyy">
                  <c:v>43446</c:v>
                </c:pt>
                <c:pt idx="1285" formatCode="mm/dd/yyyy">
                  <c:v>43447</c:v>
                </c:pt>
                <c:pt idx="1286" formatCode="mm/dd/yyyy">
                  <c:v>43448</c:v>
                </c:pt>
                <c:pt idx="1287" formatCode="mm/dd/yyyy">
                  <c:v>43449</c:v>
                </c:pt>
                <c:pt idx="1288" formatCode="mm/dd/yyyy">
                  <c:v>43452</c:v>
                </c:pt>
                <c:pt idx="1289" formatCode="mm/dd/yyyy">
                  <c:v>43453</c:v>
                </c:pt>
                <c:pt idx="1290" formatCode="mm/dd/yyyy">
                  <c:v>43454</c:v>
                </c:pt>
                <c:pt idx="1291" formatCode="mm/dd/yyyy">
                  <c:v>43455</c:v>
                </c:pt>
                <c:pt idx="1292" formatCode="mm/dd/yyyy">
                  <c:v>43456</c:v>
                </c:pt>
                <c:pt idx="1293" formatCode="mm/dd/yyyy">
                  <c:v>43459</c:v>
                </c:pt>
                <c:pt idx="1294" formatCode="mm/dd/yyyy">
                  <c:v>43460</c:v>
                </c:pt>
                <c:pt idx="1295" formatCode="mm/dd/yyyy">
                  <c:v>43461</c:v>
                </c:pt>
                <c:pt idx="1296" formatCode="mm/dd/yyyy">
                  <c:v>43462</c:v>
                </c:pt>
                <c:pt idx="1297" formatCode="mm/dd/yyyy">
                  <c:v>43463</c:v>
                </c:pt>
                <c:pt idx="1298" formatCode="mm/dd/yyyy">
                  <c:v>43466</c:v>
                </c:pt>
                <c:pt idx="1299">
                  <c:v>43467</c:v>
                </c:pt>
                <c:pt idx="1300">
                  <c:v>43468</c:v>
                </c:pt>
                <c:pt idx="1301">
                  <c:v>43469</c:v>
                </c:pt>
                <c:pt idx="1302">
                  <c:v>43470</c:v>
                </c:pt>
                <c:pt idx="1303">
                  <c:v>43471</c:v>
                </c:pt>
                <c:pt idx="1304">
                  <c:v>43474</c:v>
                </c:pt>
                <c:pt idx="1305">
                  <c:v>43475</c:v>
                </c:pt>
                <c:pt idx="1306">
                  <c:v>43476</c:v>
                </c:pt>
                <c:pt idx="1307">
                  <c:v>43477</c:v>
                </c:pt>
                <c:pt idx="1308">
                  <c:v>43478</c:v>
                </c:pt>
                <c:pt idx="1309">
                  <c:v>43481</c:v>
                </c:pt>
                <c:pt idx="1310">
                  <c:v>43482</c:v>
                </c:pt>
                <c:pt idx="1311">
                  <c:v>43483</c:v>
                </c:pt>
                <c:pt idx="1312">
                  <c:v>43484</c:v>
                </c:pt>
                <c:pt idx="1313">
                  <c:v>43485</c:v>
                </c:pt>
                <c:pt idx="1314">
                  <c:v>43488</c:v>
                </c:pt>
                <c:pt idx="1315">
                  <c:v>43489</c:v>
                </c:pt>
                <c:pt idx="1316">
                  <c:v>43490</c:v>
                </c:pt>
                <c:pt idx="1317">
                  <c:v>43491</c:v>
                </c:pt>
                <c:pt idx="1318">
                  <c:v>43492</c:v>
                </c:pt>
                <c:pt idx="1319">
                  <c:v>43495</c:v>
                </c:pt>
                <c:pt idx="1320">
                  <c:v>43496</c:v>
                </c:pt>
                <c:pt idx="1321">
                  <c:v>43497</c:v>
                </c:pt>
                <c:pt idx="1322">
                  <c:v>43498</c:v>
                </c:pt>
                <c:pt idx="1323">
                  <c:v>43499</c:v>
                </c:pt>
                <c:pt idx="1324">
                  <c:v>43502</c:v>
                </c:pt>
                <c:pt idx="1325">
                  <c:v>43503</c:v>
                </c:pt>
                <c:pt idx="1326">
                  <c:v>43504</c:v>
                </c:pt>
                <c:pt idx="1327">
                  <c:v>43505</c:v>
                </c:pt>
                <c:pt idx="1328">
                  <c:v>43506</c:v>
                </c:pt>
                <c:pt idx="1329">
                  <c:v>43509</c:v>
                </c:pt>
                <c:pt idx="1330">
                  <c:v>43510</c:v>
                </c:pt>
                <c:pt idx="1331">
                  <c:v>43511</c:v>
                </c:pt>
                <c:pt idx="1332">
                  <c:v>43512</c:v>
                </c:pt>
                <c:pt idx="1333">
                  <c:v>43513</c:v>
                </c:pt>
                <c:pt idx="1334" formatCode="mm/dd/yyyy">
                  <c:v>43516</c:v>
                </c:pt>
                <c:pt idx="1335" formatCode="mm/dd/yyyy">
                  <c:v>43517</c:v>
                </c:pt>
                <c:pt idx="1336" formatCode="mm/dd/yyyy">
                  <c:v>43518</c:v>
                </c:pt>
                <c:pt idx="1337" formatCode="mm/dd/yyyy">
                  <c:v>43519</c:v>
                </c:pt>
                <c:pt idx="1338" formatCode="mm/dd/yyyy">
                  <c:v>43520</c:v>
                </c:pt>
                <c:pt idx="1339" formatCode="mm/dd/yyyy">
                  <c:v>43523</c:v>
                </c:pt>
                <c:pt idx="1340" formatCode="mm/dd/yyyy">
                  <c:v>43524</c:v>
                </c:pt>
                <c:pt idx="1341" formatCode="mm/dd/yyyy">
                  <c:v>43525</c:v>
                </c:pt>
                <c:pt idx="1342" formatCode="mm/dd/yyyy">
                  <c:v>43526</c:v>
                </c:pt>
                <c:pt idx="1343" formatCode="mm/dd/yyyy">
                  <c:v>43527</c:v>
                </c:pt>
                <c:pt idx="1344" formatCode="mm/dd/yyyy">
                  <c:v>43530</c:v>
                </c:pt>
                <c:pt idx="1345" formatCode="mm/dd/yyyy">
                  <c:v>43531</c:v>
                </c:pt>
                <c:pt idx="1346" formatCode="mm/dd/yyyy">
                  <c:v>43532</c:v>
                </c:pt>
                <c:pt idx="1347" formatCode="mm/dd/yyyy">
                  <c:v>43533</c:v>
                </c:pt>
                <c:pt idx="1348" formatCode="mm/dd/yyyy">
                  <c:v>43534</c:v>
                </c:pt>
                <c:pt idx="1349" formatCode="mm/dd/yyyy">
                  <c:v>43537</c:v>
                </c:pt>
                <c:pt idx="1350" formatCode="mm/dd/yyyy">
                  <c:v>43538</c:v>
                </c:pt>
                <c:pt idx="1351" formatCode="mm/dd/yyyy">
                  <c:v>43539</c:v>
                </c:pt>
                <c:pt idx="1352" formatCode="mm/dd/yyyy">
                  <c:v>43540</c:v>
                </c:pt>
                <c:pt idx="1353" formatCode="mm/dd/yyyy">
                  <c:v>43541</c:v>
                </c:pt>
                <c:pt idx="1354" formatCode="mm/dd/yyyy">
                  <c:v>43544</c:v>
                </c:pt>
                <c:pt idx="1355" formatCode="mm/dd/yyyy">
                  <c:v>43545</c:v>
                </c:pt>
                <c:pt idx="1356" formatCode="mm/dd/yyyy">
                  <c:v>43546</c:v>
                </c:pt>
                <c:pt idx="1357" formatCode="mm/dd/yyyy">
                  <c:v>43547</c:v>
                </c:pt>
                <c:pt idx="1358" formatCode="mm/dd/yyyy">
                  <c:v>43548</c:v>
                </c:pt>
                <c:pt idx="1359" formatCode="mm/dd/yyyy">
                  <c:v>43551</c:v>
                </c:pt>
                <c:pt idx="1360" formatCode="mm/dd/yyyy">
                  <c:v>43552</c:v>
                </c:pt>
                <c:pt idx="1361" formatCode="mm/dd/yyyy">
                  <c:v>43553</c:v>
                </c:pt>
                <c:pt idx="1362" formatCode="mm/dd/yyyy">
                  <c:v>43554</c:v>
                </c:pt>
                <c:pt idx="1363" formatCode="mm/dd/yyyy">
                  <c:v>43555</c:v>
                </c:pt>
                <c:pt idx="1364" formatCode="mm/dd/yyyy">
                  <c:v>43558</c:v>
                </c:pt>
                <c:pt idx="1365" formatCode="mm/dd/yyyy">
                  <c:v>43559</c:v>
                </c:pt>
                <c:pt idx="1366" formatCode="mm/dd/yyyy">
                  <c:v>43560</c:v>
                </c:pt>
                <c:pt idx="1367" formatCode="mm/dd/yyyy">
                  <c:v>43561</c:v>
                </c:pt>
                <c:pt idx="1368" formatCode="mm/dd/yyyy">
                  <c:v>43562</c:v>
                </c:pt>
                <c:pt idx="1369" formatCode="mm/dd/yyyy">
                  <c:v>43565</c:v>
                </c:pt>
                <c:pt idx="1370" formatCode="mm/dd/yyyy">
                  <c:v>43566</c:v>
                </c:pt>
                <c:pt idx="1371" formatCode="mm/dd/yyyy">
                  <c:v>43567</c:v>
                </c:pt>
                <c:pt idx="1372" formatCode="mm/dd/yyyy">
                  <c:v>43568</c:v>
                </c:pt>
                <c:pt idx="1373" formatCode="mm/dd/yyyy">
                  <c:v>43572</c:v>
                </c:pt>
                <c:pt idx="1374" formatCode="mm/dd/yyyy">
                  <c:v>43573</c:v>
                </c:pt>
                <c:pt idx="1375" formatCode="mm/dd/yyyy">
                  <c:v>43574</c:v>
                </c:pt>
                <c:pt idx="1376" formatCode="mm/dd/yyyy">
                  <c:v>43575</c:v>
                </c:pt>
                <c:pt idx="1377" formatCode="mm/dd/yyyy">
                  <c:v>43576</c:v>
                </c:pt>
                <c:pt idx="1378" formatCode="mm/dd/yyyy">
                  <c:v>43579</c:v>
                </c:pt>
                <c:pt idx="1379" formatCode="mm/dd/yyyy">
                  <c:v>43580</c:v>
                </c:pt>
                <c:pt idx="1380" formatCode="mm/dd/yyyy">
                  <c:v>43581</c:v>
                </c:pt>
                <c:pt idx="1381" formatCode="mm/dd/yyyy">
                  <c:v>43582</c:v>
                </c:pt>
                <c:pt idx="1382" formatCode="mm/dd/yyyy">
                  <c:v>43583</c:v>
                </c:pt>
                <c:pt idx="1383" formatCode="mm/dd/yyyy">
                  <c:v>43586</c:v>
                </c:pt>
                <c:pt idx="1384" formatCode="mm/dd/yyyy">
                  <c:v>43587</c:v>
                </c:pt>
                <c:pt idx="1385" formatCode="mm/dd/yyyy">
                  <c:v>43588</c:v>
                </c:pt>
                <c:pt idx="1386" formatCode="mm/dd/yyyy">
                  <c:v>43589</c:v>
                </c:pt>
                <c:pt idx="1387" formatCode="mm/dd/yyyy">
                  <c:v>43590</c:v>
                </c:pt>
                <c:pt idx="1388" formatCode="mm/dd/yyyy">
                  <c:v>43593</c:v>
                </c:pt>
                <c:pt idx="1389" formatCode="mm/dd/yyyy">
                  <c:v>43594</c:v>
                </c:pt>
                <c:pt idx="1390" formatCode="mm/dd/yyyy">
                  <c:v>43595</c:v>
                </c:pt>
                <c:pt idx="1391" formatCode="mm/dd/yyyy">
                  <c:v>43596</c:v>
                </c:pt>
                <c:pt idx="1392" formatCode="mm/dd/yyyy">
                  <c:v>43597</c:v>
                </c:pt>
                <c:pt idx="1393" formatCode="mm/dd/yyyy">
                  <c:v>43600</c:v>
                </c:pt>
                <c:pt idx="1394" formatCode="mm/dd/yyyy">
                  <c:v>43601</c:v>
                </c:pt>
                <c:pt idx="1395" formatCode="mm/dd/yyyy">
                  <c:v>43602</c:v>
                </c:pt>
                <c:pt idx="1396" formatCode="mm/dd/yyyy">
                  <c:v>43603</c:v>
                </c:pt>
                <c:pt idx="1397" formatCode="mm/dd/yyyy">
                  <c:v>43604</c:v>
                </c:pt>
                <c:pt idx="1398" formatCode="mm/dd/yyyy">
                  <c:v>43607</c:v>
                </c:pt>
                <c:pt idx="1399" formatCode="mm/dd/yyyy">
                  <c:v>43608</c:v>
                </c:pt>
                <c:pt idx="1400" formatCode="mm/dd/yyyy">
                  <c:v>43609</c:v>
                </c:pt>
                <c:pt idx="1401" formatCode="mm/dd/yyyy">
                  <c:v>43610</c:v>
                </c:pt>
                <c:pt idx="1402" formatCode="mm/dd/yyyy">
                  <c:v>43611</c:v>
                </c:pt>
                <c:pt idx="1403" formatCode="mm/dd/yyyy">
                  <c:v>43614</c:v>
                </c:pt>
                <c:pt idx="1404" formatCode="mm/dd/yyyy">
                  <c:v>43615</c:v>
                </c:pt>
                <c:pt idx="1405" formatCode="mm/dd/yyyy">
                  <c:v>43616</c:v>
                </c:pt>
                <c:pt idx="1406" formatCode="mm/dd/yyyy">
                  <c:v>43617</c:v>
                </c:pt>
                <c:pt idx="1407" formatCode="mm/dd/yyyy">
                  <c:v>43618</c:v>
                </c:pt>
                <c:pt idx="1408" formatCode="mm/dd/yyyy">
                  <c:v>43621</c:v>
                </c:pt>
                <c:pt idx="1409" formatCode="mm/dd/yyyy">
                  <c:v>43622</c:v>
                </c:pt>
                <c:pt idx="1410" formatCode="mm/dd/yyyy">
                  <c:v>43623</c:v>
                </c:pt>
                <c:pt idx="1411" formatCode="mm/dd/yyyy">
                  <c:v>43624</c:v>
                </c:pt>
                <c:pt idx="1412" formatCode="mm/dd/yyyy">
                  <c:v>43625</c:v>
                </c:pt>
                <c:pt idx="1413" formatCode="mm/dd/yyyy">
                  <c:v>43628</c:v>
                </c:pt>
                <c:pt idx="1414" formatCode="mm/dd/yyyy">
                  <c:v>43629</c:v>
                </c:pt>
                <c:pt idx="1415" formatCode="mm/dd/yyyy">
                  <c:v>43630</c:v>
                </c:pt>
                <c:pt idx="1416" formatCode="mm/dd/yyyy">
                  <c:v>43631</c:v>
                </c:pt>
                <c:pt idx="1417" formatCode="mm/dd/yyyy">
                  <c:v>43632</c:v>
                </c:pt>
                <c:pt idx="1418" formatCode="mm/dd/yyyy">
                  <c:v>43635</c:v>
                </c:pt>
                <c:pt idx="1419" formatCode="mm/dd/yyyy">
                  <c:v>43636</c:v>
                </c:pt>
                <c:pt idx="1420" formatCode="mm/dd/yyyy">
                  <c:v>43637</c:v>
                </c:pt>
                <c:pt idx="1421" formatCode="mm/dd/yyyy">
                  <c:v>43638</c:v>
                </c:pt>
                <c:pt idx="1422" formatCode="mm/dd/yyyy">
                  <c:v>43639</c:v>
                </c:pt>
                <c:pt idx="1423" formatCode="mm/dd/yyyy">
                  <c:v>43642</c:v>
                </c:pt>
                <c:pt idx="1424" formatCode="mm/dd/yyyy">
                  <c:v>43643</c:v>
                </c:pt>
                <c:pt idx="1425" formatCode="mm/dd/yyyy">
                  <c:v>43644</c:v>
                </c:pt>
                <c:pt idx="1426" formatCode="mm/dd/yyyy">
                  <c:v>43645</c:v>
                </c:pt>
                <c:pt idx="1427" formatCode="mm/dd/yyyy">
                  <c:v>43646</c:v>
                </c:pt>
                <c:pt idx="1428" formatCode="mm/dd/yyyy">
                  <c:v>43649</c:v>
                </c:pt>
                <c:pt idx="1429" formatCode="mm/dd/yyyy">
                  <c:v>43650</c:v>
                </c:pt>
                <c:pt idx="1430" formatCode="mm/dd/yyyy">
                  <c:v>43651</c:v>
                </c:pt>
                <c:pt idx="1431" formatCode="mm/dd/yyyy">
                  <c:v>43652</c:v>
                </c:pt>
                <c:pt idx="1432" formatCode="mm/dd/yyyy">
                  <c:v>43653</c:v>
                </c:pt>
                <c:pt idx="1433" formatCode="mm/dd/yyyy">
                  <c:v>43656</c:v>
                </c:pt>
                <c:pt idx="1434" formatCode="mm/dd/yyyy">
                  <c:v>43657</c:v>
                </c:pt>
                <c:pt idx="1435" formatCode="mm/dd/yyyy">
                  <c:v>43658</c:v>
                </c:pt>
                <c:pt idx="1436" formatCode="mm/dd/yyyy">
                  <c:v>43659</c:v>
                </c:pt>
                <c:pt idx="1437" formatCode="mm/dd/yyyy">
                  <c:v>43660</c:v>
                </c:pt>
                <c:pt idx="1438" formatCode="mm/dd/yyyy">
                  <c:v>43663</c:v>
                </c:pt>
                <c:pt idx="1439" formatCode="mm/dd/yyyy">
                  <c:v>43664</c:v>
                </c:pt>
                <c:pt idx="1440" formatCode="mm/dd/yyyy">
                  <c:v>43665</c:v>
                </c:pt>
                <c:pt idx="1441" formatCode="mm/dd/yyyy">
                  <c:v>43666</c:v>
                </c:pt>
                <c:pt idx="1442" formatCode="mm/dd/yyyy">
                  <c:v>43667</c:v>
                </c:pt>
                <c:pt idx="1443" formatCode="mm/dd/yyyy">
                  <c:v>43670</c:v>
                </c:pt>
                <c:pt idx="1444" formatCode="mm/dd/yyyy">
                  <c:v>43671</c:v>
                </c:pt>
                <c:pt idx="1445" formatCode="mm/dd/yyyy">
                  <c:v>43672</c:v>
                </c:pt>
                <c:pt idx="1446" formatCode="mm/dd/yyyy">
                  <c:v>43673</c:v>
                </c:pt>
                <c:pt idx="1447" formatCode="mm/dd/yyyy">
                  <c:v>43674</c:v>
                </c:pt>
                <c:pt idx="1448" formatCode="mm/dd/yyyy">
                  <c:v>43677</c:v>
                </c:pt>
                <c:pt idx="1449" formatCode="mm/dd/yyyy">
                  <c:v>43678</c:v>
                </c:pt>
                <c:pt idx="1450" formatCode="mm/dd/yyyy">
                  <c:v>43679</c:v>
                </c:pt>
                <c:pt idx="1451" formatCode="mm/dd/yyyy">
                  <c:v>43680</c:v>
                </c:pt>
                <c:pt idx="1452" formatCode="mm/dd/yyyy">
                  <c:v>43681</c:v>
                </c:pt>
                <c:pt idx="1453" formatCode="mm/dd/yyyy">
                  <c:v>43684</c:v>
                </c:pt>
                <c:pt idx="1454" formatCode="mm/dd/yyyy">
                  <c:v>43685</c:v>
                </c:pt>
                <c:pt idx="1455" formatCode="mm/dd/yyyy">
                  <c:v>43686</c:v>
                </c:pt>
                <c:pt idx="1456" formatCode="mm/dd/yyyy">
                  <c:v>43687</c:v>
                </c:pt>
                <c:pt idx="1457" formatCode="mm/dd/yyyy">
                  <c:v>43688</c:v>
                </c:pt>
                <c:pt idx="1458" formatCode="mm/dd/yyyy">
                  <c:v>43691</c:v>
                </c:pt>
                <c:pt idx="1459" formatCode="mm/dd/yyyy">
                  <c:v>43692</c:v>
                </c:pt>
                <c:pt idx="1460" formatCode="mm/dd/yyyy">
                  <c:v>43693</c:v>
                </c:pt>
                <c:pt idx="1461" formatCode="mm/dd/yyyy">
                  <c:v>43694</c:v>
                </c:pt>
                <c:pt idx="1462" formatCode="mm/dd/yyyy">
                  <c:v>43695</c:v>
                </c:pt>
                <c:pt idx="1463" formatCode="mm/dd/yyyy">
                  <c:v>43698</c:v>
                </c:pt>
                <c:pt idx="1464" formatCode="mm/dd/yyyy">
                  <c:v>43699</c:v>
                </c:pt>
                <c:pt idx="1465" formatCode="mm/dd/yyyy">
                  <c:v>43700</c:v>
                </c:pt>
                <c:pt idx="1466" formatCode="mm/dd/yyyy">
                  <c:v>43701</c:v>
                </c:pt>
                <c:pt idx="1467" formatCode="mm/dd/yyyy">
                  <c:v>43702</c:v>
                </c:pt>
                <c:pt idx="1468" formatCode="mm/dd/yyyy">
                  <c:v>43705</c:v>
                </c:pt>
                <c:pt idx="1469" formatCode="mm/dd/yyyy">
                  <c:v>43706</c:v>
                </c:pt>
                <c:pt idx="1470" formatCode="mm/dd/yyyy">
                  <c:v>43707</c:v>
                </c:pt>
                <c:pt idx="1471" formatCode="mm/dd/yyyy">
                  <c:v>43708</c:v>
                </c:pt>
                <c:pt idx="1472" formatCode="mm/dd/yyyy">
                  <c:v>43709</c:v>
                </c:pt>
                <c:pt idx="1473" formatCode="mm/dd/yyyy">
                  <c:v>43712</c:v>
                </c:pt>
                <c:pt idx="1474" formatCode="mm/dd/yyyy">
                  <c:v>43713</c:v>
                </c:pt>
                <c:pt idx="1475" formatCode="mm/dd/yyyy">
                  <c:v>43714</c:v>
                </c:pt>
                <c:pt idx="1476" formatCode="mm/dd/yyyy">
                  <c:v>43715</c:v>
                </c:pt>
                <c:pt idx="1477" formatCode="mm/dd/yyyy">
                  <c:v>43716</c:v>
                </c:pt>
                <c:pt idx="1478" formatCode="mm/dd/yyyy">
                  <c:v>43719</c:v>
                </c:pt>
                <c:pt idx="1479" formatCode="mm/dd/yyyy">
                  <c:v>43720</c:v>
                </c:pt>
                <c:pt idx="1480" formatCode="mm/dd/yyyy">
                  <c:v>43721</c:v>
                </c:pt>
                <c:pt idx="1481" formatCode="mm/dd/yyyy">
                  <c:v>43722</c:v>
                </c:pt>
                <c:pt idx="1482" formatCode="mm/dd/yyyy">
                  <c:v>43723</c:v>
                </c:pt>
                <c:pt idx="1483" formatCode="mm/dd/yyyy">
                  <c:v>43726</c:v>
                </c:pt>
                <c:pt idx="1484" formatCode="mm/dd/yyyy">
                  <c:v>43727</c:v>
                </c:pt>
                <c:pt idx="1485" formatCode="mm/dd/yyyy">
                  <c:v>43728</c:v>
                </c:pt>
                <c:pt idx="1486" formatCode="mm/dd/yyyy">
                  <c:v>43729</c:v>
                </c:pt>
                <c:pt idx="1487" formatCode="mm/dd/yyyy">
                  <c:v>43730</c:v>
                </c:pt>
                <c:pt idx="1488" formatCode="mm/dd/yyyy">
                  <c:v>43733</c:v>
                </c:pt>
                <c:pt idx="1489" formatCode="mm/dd/yyyy">
                  <c:v>43734</c:v>
                </c:pt>
                <c:pt idx="1490" formatCode="mm/dd/yyyy">
                  <c:v>43735</c:v>
                </c:pt>
                <c:pt idx="1491" formatCode="mm/dd/yyyy">
                  <c:v>43736</c:v>
                </c:pt>
                <c:pt idx="1492" formatCode="mm/dd/yyyy">
                  <c:v>43737</c:v>
                </c:pt>
                <c:pt idx="1493" formatCode="mm/dd/yyyy">
                  <c:v>43740</c:v>
                </c:pt>
                <c:pt idx="1494" formatCode="mm/dd/yyyy">
                  <c:v>43741</c:v>
                </c:pt>
                <c:pt idx="1495" formatCode="mm/dd/yyyy">
                  <c:v>43742</c:v>
                </c:pt>
                <c:pt idx="1496" formatCode="mm/dd/yyyy">
                  <c:v>43743</c:v>
                </c:pt>
                <c:pt idx="1497" formatCode="mm/dd/yyyy">
                  <c:v>43744</c:v>
                </c:pt>
                <c:pt idx="1498" formatCode="mm/dd/yyyy">
                  <c:v>43747</c:v>
                </c:pt>
                <c:pt idx="1499" formatCode="mm/dd/yyyy">
                  <c:v>43748</c:v>
                </c:pt>
                <c:pt idx="1500" formatCode="mm/dd/yyyy">
                  <c:v>43749</c:v>
                </c:pt>
                <c:pt idx="1501" formatCode="mm/dd/yyyy">
                  <c:v>43750</c:v>
                </c:pt>
                <c:pt idx="1502" formatCode="mm/dd/yyyy">
                  <c:v>43751</c:v>
                </c:pt>
                <c:pt idx="1503" formatCode="mm/dd/yyyy">
                  <c:v>43754</c:v>
                </c:pt>
                <c:pt idx="1504" formatCode="mm/dd/yyyy">
                  <c:v>43755</c:v>
                </c:pt>
                <c:pt idx="1505" formatCode="mm/dd/yyyy">
                  <c:v>43756</c:v>
                </c:pt>
                <c:pt idx="1506" formatCode="mm/dd/yyyy">
                  <c:v>43757</c:v>
                </c:pt>
                <c:pt idx="1507" formatCode="mm/dd/yyyy">
                  <c:v>43758</c:v>
                </c:pt>
                <c:pt idx="1508" formatCode="mm/dd/yyyy">
                  <c:v>43761</c:v>
                </c:pt>
                <c:pt idx="1509" formatCode="mm/dd/yyyy">
                  <c:v>43762</c:v>
                </c:pt>
                <c:pt idx="1510" formatCode="mm/dd/yyyy">
                  <c:v>43763</c:v>
                </c:pt>
                <c:pt idx="1511" formatCode="mm/dd/yyyy">
                  <c:v>43764</c:v>
                </c:pt>
                <c:pt idx="1512" formatCode="mm/dd/yyyy">
                  <c:v>43765</c:v>
                </c:pt>
                <c:pt idx="1513" formatCode="mm/dd/yyyy">
                  <c:v>43768</c:v>
                </c:pt>
                <c:pt idx="1514" formatCode="mm/dd/yyyy">
                  <c:v>43769</c:v>
                </c:pt>
                <c:pt idx="1515" formatCode="mm/dd/yyyy">
                  <c:v>43770</c:v>
                </c:pt>
                <c:pt idx="1516" formatCode="mm/dd/yyyy">
                  <c:v>43771</c:v>
                </c:pt>
                <c:pt idx="1517" formatCode="mm/dd/yyyy">
                  <c:v>43772</c:v>
                </c:pt>
                <c:pt idx="1518" formatCode="mm/dd/yyyy">
                  <c:v>43775</c:v>
                </c:pt>
                <c:pt idx="1519" formatCode="mm/dd/yyyy">
                  <c:v>43776</c:v>
                </c:pt>
                <c:pt idx="1520" formatCode="mm/dd/yyyy">
                  <c:v>43777</c:v>
                </c:pt>
                <c:pt idx="1521" formatCode="mm/dd/yyyy">
                  <c:v>43778</c:v>
                </c:pt>
                <c:pt idx="1522" formatCode="mm/dd/yyyy">
                  <c:v>43779</c:v>
                </c:pt>
                <c:pt idx="1523" formatCode="mm/dd/yyyy">
                  <c:v>43782</c:v>
                </c:pt>
                <c:pt idx="1524" formatCode="mm/dd/yyyy">
                  <c:v>43783</c:v>
                </c:pt>
                <c:pt idx="1525" formatCode="mm/dd/yyyy">
                  <c:v>43784</c:v>
                </c:pt>
                <c:pt idx="1526" formatCode="mm/dd/yyyy">
                  <c:v>43785</c:v>
                </c:pt>
                <c:pt idx="1527" formatCode="mm/dd/yyyy">
                  <c:v>43786</c:v>
                </c:pt>
                <c:pt idx="1528" formatCode="mm/dd/yyyy">
                  <c:v>43789</c:v>
                </c:pt>
                <c:pt idx="1529" formatCode="mm/dd/yyyy">
                  <c:v>43790</c:v>
                </c:pt>
                <c:pt idx="1530" formatCode="mm/dd/yyyy">
                  <c:v>43791</c:v>
                </c:pt>
                <c:pt idx="1531" formatCode="mm/dd/yyyy">
                  <c:v>43792</c:v>
                </c:pt>
                <c:pt idx="1532" formatCode="mm/dd/yyyy">
                  <c:v>43793</c:v>
                </c:pt>
                <c:pt idx="1533" formatCode="mm/dd/yyyy">
                  <c:v>43796</c:v>
                </c:pt>
                <c:pt idx="1534" formatCode="mm/dd/yyyy">
                  <c:v>43797</c:v>
                </c:pt>
                <c:pt idx="1535" formatCode="mm/dd/yyyy">
                  <c:v>43798</c:v>
                </c:pt>
                <c:pt idx="1536" formatCode="mm/dd/yyyy">
                  <c:v>43799</c:v>
                </c:pt>
                <c:pt idx="1537" formatCode="mm/dd/yyyy">
                  <c:v>43800</c:v>
                </c:pt>
                <c:pt idx="1538" formatCode="mm/dd/yyyy">
                  <c:v>43803</c:v>
                </c:pt>
                <c:pt idx="1539" formatCode="mm/dd/yyyy">
                  <c:v>43804</c:v>
                </c:pt>
                <c:pt idx="1540" formatCode="mm/dd/yyyy">
                  <c:v>43805</c:v>
                </c:pt>
                <c:pt idx="1541" formatCode="mm/dd/yyyy">
                  <c:v>43806</c:v>
                </c:pt>
                <c:pt idx="1542" formatCode="mm/dd/yyyy">
                  <c:v>43807</c:v>
                </c:pt>
                <c:pt idx="1543" formatCode="mm/dd/yyyy">
                  <c:v>43810</c:v>
                </c:pt>
                <c:pt idx="1544" formatCode="mm/dd/yyyy">
                  <c:v>43811</c:v>
                </c:pt>
                <c:pt idx="1545" formatCode="mm/dd/yyyy">
                  <c:v>43812</c:v>
                </c:pt>
                <c:pt idx="1546" formatCode="mm/dd/yyyy">
                  <c:v>43813</c:v>
                </c:pt>
                <c:pt idx="1547" formatCode="mm/dd/yyyy">
                  <c:v>43814</c:v>
                </c:pt>
                <c:pt idx="1548" formatCode="mm/dd/yyyy">
                  <c:v>43817</c:v>
                </c:pt>
                <c:pt idx="1549" formatCode="mm/dd/yyyy">
                  <c:v>43818</c:v>
                </c:pt>
                <c:pt idx="1550" formatCode="mm/dd/yyyy">
                  <c:v>43819</c:v>
                </c:pt>
                <c:pt idx="1551" formatCode="mm/dd/yyyy">
                  <c:v>43820</c:v>
                </c:pt>
                <c:pt idx="1552" formatCode="mm/dd/yyyy">
                  <c:v>43821</c:v>
                </c:pt>
                <c:pt idx="1553" formatCode="mm/dd/yyyy">
                  <c:v>43824</c:v>
                </c:pt>
                <c:pt idx="1554" formatCode="mm/dd/yyyy">
                  <c:v>43825</c:v>
                </c:pt>
                <c:pt idx="1555" formatCode="mm/dd/yyyy">
                  <c:v>43826</c:v>
                </c:pt>
                <c:pt idx="1556" formatCode="mm/dd/yyyy">
                  <c:v>43827</c:v>
                </c:pt>
                <c:pt idx="1557" formatCode="mm/dd/yyyy">
                  <c:v>43828</c:v>
                </c:pt>
              </c:numCache>
            </c:numRef>
          </c:cat>
          <c:val>
            <c:numRef>
              <c:f>'1 spot crude'!$D$4:$D$1561</c:f>
              <c:numCache>
                <c:formatCode>0.00</c:formatCode>
                <c:ptCount val="1558"/>
                <c:pt idx="0">
                  <c:v>98.9375</c:v>
                </c:pt>
                <c:pt idx="1">
                  <c:v>98.9375</c:v>
                </c:pt>
                <c:pt idx="2">
                  <c:v>98.9375</c:v>
                </c:pt>
                <c:pt idx="3">
                  <c:v>98.9375</c:v>
                </c:pt>
                <c:pt idx="4">
                  <c:v>98.9375</c:v>
                </c:pt>
                <c:pt idx="5">
                  <c:v>98.9375</c:v>
                </c:pt>
                <c:pt idx="6">
                  <c:v>98.9375</c:v>
                </c:pt>
                <c:pt idx="7">
                  <c:v>98.9375</c:v>
                </c:pt>
                <c:pt idx="8">
                  <c:v>98.9375</c:v>
                </c:pt>
                <c:pt idx="9">
                  <c:v>98.9375</c:v>
                </c:pt>
                <c:pt idx="10">
                  <c:v>98.9375</c:v>
                </c:pt>
                <c:pt idx="11">
                  <c:v>98.9375</c:v>
                </c:pt>
                <c:pt idx="12">
                  <c:v>98.9375</c:v>
                </c:pt>
                <c:pt idx="13">
                  <c:v>98.9375</c:v>
                </c:pt>
                <c:pt idx="14">
                  <c:v>98.9375</c:v>
                </c:pt>
                <c:pt idx="15">
                  <c:v>98.9375</c:v>
                </c:pt>
                <c:pt idx="16">
                  <c:v>98.9375</c:v>
                </c:pt>
                <c:pt idx="17">
                  <c:v>98.9375</c:v>
                </c:pt>
                <c:pt idx="18">
                  <c:v>98.9375</c:v>
                </c:pt>
                <c:pt idx="19">
                  <c:v>98.9375</c:v>
                </c:pt>
                <c:pt idx="20">
                  <c:v>98.9375</c:v>
                </c:pt>
                <c:pt idx="21">
                  <c:v>98.9375</c:v>
                </c:pt>
                <c:pt idx="22">
                  <c:v>98.9375</c:v>
                </c:pt>
                <c:pt idx="23">
                  <c:v>98.9375</c:v>
                </c:pt>
                <c:pt idx="24">
                  <c:v>98.9375</c:v>
                </c:pt>
                <c:pt idx="25">
                  <c:v>98.9375</c:v>
                </c:pt>
                <c:pt idx="26">
                  <c:v>98.9375</c:v>
                </c:pt>
                <c:pt idx="27">
                  <c:v>98.9375</c:v>
                </c:pt>
                <c:pt idx="28">
                  <c:v>98.9375</c:v>
                </c:pt>
                <c:pt idx="29">
                  <c:v>98.9375</c:v>
                </c:pt>
                <c:pt idx="30">
                  <c:v>98.9375</c:v>
                </c:pt>
                <c:pt idx="31">
                  <c:v>98.9375</c:v>
                </c:pt>
                <c:pt idx="32">
                  <c:v>98.9375</c:v>
                </c:pt>
                <c:pt idx="33">
                  <c:v>98.9375</c:v>
                </c:pt>
                <c:pt idx="34">
                  <c:v>98.9375</c:v>
                </c:pt>
                <c:pt idx="35">
                  <c:v>98.9375</c:v>
                </c:pt>
                <c:pt idx="36">
                  <c:v>98.9375</c:v>
                </c:pt>
                <c:pt idx="37">
                  <c:v>98.9375</c:v>
                </c:pt>
                <c:pt idx="38">
                  <c:v>98.9375</c:v>
                </c:pt>
                <c:pt idx="39">
                  <c:v>98.9375</c:v>
                </c:pt>
                <c:pt idx="40">
                  <c:v>98.9375</c:v>
                </c:pt>
                <c:pt idx="41">
                  <c:v>98.9375</c:v>
                </c:pt>
                <c:pt idx="42">
                  <c:v>98.9375</c:v>
                </c:pt>
                <c:pt idx="43">
                  <c:v>98.9375</c:v>
                </c:pt>
                <c:pt idx="44">
                  <c:v>98.9375</c:v>
                </c:pt>
                <c:pt idx="45">
                  <c:v>98.9375</c:v>
                </c:pt>
                <c:pt idx="46">
                  <c:v>98.9375</c:v>
                </c:pt>
                <c:pt idx="47">
                  <c:v>98.9375</c:v>
                </c:pt>
                <c:pt idx="48">
                  <c:v>98.9375</c:v>
                </c:pt>
                <c:pt idx="49">
                  <c:v>98.9375</c:v>
                </c:pt>
                <c:pt idx="50">
                  <c:v>98.9375</c:v>
                </c:pt>
                <c:pt idx="51">
                  <c:v>98.9375</c:v>
                </c:pt>
                <c:pt idx="52">
                  <c:v>98.9375</c:v>
                </c:pt>
                <c:pt idx="53">
                  <c:v>98.9375</c:v>
                </c:pt>
                <c:pt idx="54">
                  <c:v>98.9375</c:v>
                </c:pt>
                <c:pt idx="55">
                  <c:v>98.9375</c:v>
                </c:pt>
                <c:pt idx="56">
                  <c:v>98.9375</c:v>
                </c:pt>
                <c:pt idx="57">
                  <c:v>98.9375</c:v>
                </c:pt>
                <c:pt idx="58">
                  <c:v>98.9375</c:v>
                </c:pt>
                <c:pt idx="59">
                  <c:v>98.9375</c:v>
                </c:pt>
                <c:pt idx="60">
                  <c:v>98.9375</c:v>
                </c:pt>
                <c:pt idx="61">
                  <c:v>98.9375</c:v>
                </c:pt>
                <c:pt idx="62">
                  <c:v>98.9375</c:v>
                </c:pt>
                <c:pt idx="63">
                  <c:v>98.9375</c:v>
                </c:pt>
                <c:pt idx="64">
                  <c:v>98.9375</c:v>
                </c:pt>
                <c:pt idx="65">
                  <c:v>98.9375</c:v>
                </c:pt>
                <c:pt idx="66">
                  <c:v>98.9375</c:v>
                </c:pt>
                <c:pt idx="67">
                  <c:v>98.9375</c:v>
                </c:pt>
                <c:pt idx="68">
                  <c:v>98.9375</c:v>
                </c:pt>
                <c:pt idx="69">
                  <c:v>98.9375</c:v>
                </c:pt>
                <c:pt idx="70">
                  <c:v>98.9375</c:v>
                </c:pt>
                <c:pt idx="71">
                  <c:v>98.9375</c:v>
                </c:pt>
                <c:pt idx="72">
                  <c:v>98.9375</c:v>
                </c:pt>
                <c:pt idx="73">
                  <c:v>98.9375</c:v>
                </c:pt>
                <c:pt idx="74">
                  <c:v>98.9375</c:v>
                </c:pt>
                <c:pt idx="75">
                  <c:v>98.9375</c:v>
                </c:pt>
                <c:pt idx="76">
                  <c:v>98.9375</c:v>
                </c:pt>
                <c:pt idx="77">
                  <c:v>98.9375</c:v>
                </c:pt>
                <c:pt idx="78">
                  <c:v>98.9375</c:v>
                </c:pt>
                <c:pt idx="79">
                  <c:v>98.9375</c:v>
                </c:pt>
                <c:pt idx="80">
                  <c:v>98.9375</c:v>
                </c:pt>
                <c:pt idx="81">
                  <c:v>98.9375</c:v>
                </c:pt>
                <c:pt idx="82">
                  <c:v>98.9375</c:v>
                </c:pt>
                <c:pt idx="83">
                  <c:v>98.9375</c:v>
                </c:pt>
                <c:pt idx="84">
                  <c:v>98.9375</c:v>
                </c:pt>
                <c:pt idx="85">
                  <c:v>98.9375</c:v>
                </c:pt>
                <c:pt idx="86">
                  <c:v>98.9375</c:v>
                </c:pt>
                <c:pt idx="87">
                  <c:v>98.9375</c:v>
                </c:pt>
                <c:pt idx="88">
                  <c:v>98.9375</c:v>
                </c:pt>
                <c:pt idx="89">
                  <c:v>98.9375</c:v>
                </c:pt>
                <c:pt idx="90">
                  <c:v>98.9375</c:v>
                </c:pt>
                <c:pt idx="91">
                  <c:v>98.9375</c:v>
                </c:pt>
                <c:pt idx="92">
                  <c:v>98.9375</c:v>
                </c:pt>
                <c:pt idx="93">
                  <c:v>98.9375</c:v>
                </c:pt>
                <c:pt idx="94">
                  <c:v>98.9375</c:v>
                </c:pt>
                <c:pt idx="95">
                  <c:v>98.9375</c:v>
                </c:pt>
                <c:pt idx="96">
                  <c:v>98.9375</c:v>
                </c:pt>
                <c:pt idx="97">
                  <c:v>98.9375</c:v>
                </c:pt>
                <c:pt idx="98">
                  <c:v>98.9375</c:v>
                </c:pt>
                <c:pt idx="99">
                  <c:v>98.9375</c:v>
                </c:pt>
                <c:pt idx="100">
                  <c:v>98.9375</c:v>
                </c:pt>
                <c:pt idx="101">
                  <c:v>98.9375</c:v>
                </c:pt>
                <c:pt idx="102">
                  <c:v>98.9375</c:v>
                </c:pt>
                <c:pt idx="103">
                  <c:v>98.9375</c:v>
                </c:pt>
                <c:pt idx="104">
                  <c:v>98.9375</c:v>
                </c:pt>
                <c:pt idx="105">
                  <c:v>98.9375</c:v>
                </c:pt>
                <c:pt idx="106">
                  <c:v>98.9375</c:v>
                </c:pt>
                <c:pt idx="107">
                  <c:v>98.9375</c:v>
                </c:pt>
                <c:pt idx="108">
                  <c:v>98.9375</c:v>
                </c:pt>
                <c:pt idx="109">
                  <c:v>98.9375</c:v>
                </c:pt>
                <c:pt idx="110">
                  <c:v>98.9375</c:v>
                </c:pt>
                <c:pt idx="111">
                  <c:v>98.9375</c:v>
                </c:pt>
                <c:pt idx="112">
                  <c:v>98.9375</c:v>
                </c:pt>
                <c:pt idx="113">
                  <c:v>98.9375</c:v>
                </c:pt>
                <c:pt idx="114">
                  <c:v>98.9375</c:v>
                </c:pt>
                <c:pt idx="115">
                  <c:v>98.9375</c:v>
                </c:pt>
                <c:pt idx="116">
                  <c:v>98.9375</c:v>
                </c:pt>
                <c:pt idx="117">
                  <c:v>98.9375</c:v>
                </c:pt>
                <c:pt idx="118">
                  <c:v>98.9375</c:v>
                </c:pt>
                <c:pt idx="119">
                  <c:v>98.9375</c:v>
                </c:pt>
                <c:pt idx="120">
                  <c:v>98.9375</c:v>
                </c:pt>
                <c:pt idx="121">
                  <c:v>98.9375</c:v>
                </c:pt>
                <c:pt idx="122">
                  <c:v>98.9375</c:v>
                </c:pt>
                <c:pt idx="123">
                  <c:v>98.9375</c:v>
                </c:pt>
                <c:pt idx="124">
                  <c:v>98.9375</c:v>
                </c:pt>
                <c:pt idx="125">
                  <c:v>98.9375</c:v>
                </c:pt>
                <c:pt idx="126">
                  <c:v>98.9375</c:v>
                </c:pt>
                <c:pt idx="127">
                  <c:v>98.9375</c:v>
                </c:pt>
                <c:pt idx="128">
                  <c:v>98.9375</c:v>
                </c:pt>
                <c:pt idx="129">
                  <c:v>98.9375</c:v>
                </c:pt>
                <c:pt idx="130">
                  <c:v>98.9375</c:v>
                </c:pt>
                <c:pt idx="131">
                  <c:v>98.9375</c:v>
                </c:pt>
                <c:pt idx="132">
                  <c:v>98.9375</c:v>
                </c:pt>
                <c:pt idx="133">
                  <c:v>98.9375</c:v>
                </c:pt>
                <c:pt idx="134">
                  <c:v>98.9375</c:v>
                </c:pt>
                <c:pt idx="135">
                  <c:v>98.9375</c:v>
                </c:pt>
                <c:pt idx="136">
                  <c:v>98.9375</c:v>
                </c:pt>
                <c:pt idx="137">
                  <c:v>98.9375</c:v>
                </c:pt>
                <c:pt idx="138">
                  <c:v>98.9375</c:v>
                </c:pt>
                <c:pt idx="139">
                  <c:v>98.9375</c:v>
                </c:pt>
                <c:pt idx="140">
                  <c:v>98.9375</c:v>
                </c:pt>
                <c:pt idx="141">
                  <c:v>98.9375</c:v>
                </c:pt>
                <c:pt idx="142">
                  <c:v>98.9375</c:v>
                </c:pt>
                <c:pt idx="143">
                  <c:v>98.9375</c:v>
                </c:pt>
                <c:pt idx="144">
                  <c:v>98.9375</c:v>
                </c:pt>
                <c:pt idx="145">
                  <c:v>98.9375</c:v>
                </c:pt>
                <c:pt idx="146">
                  <c:v>98.9375</c:v>
                </c:pt>
                <c:pt idx="147">
                  <c:v>98.9375</c:v>
                </c:pt>
                <c:pt idx="148">
                  <c:v>98.9375</c:v>
                </c:pt>
                <c:pt idx="149">
                  <c:v>98.9375</c:v>
                </c:pt>
                <c:pt idx="150">
                  <c:v>98.9375</c:v>
                </c:pt>
                <c:pt idx="151">
                  <c:v>98.9375</c:v>
                </c:pt>
                <c:pt idx="152">
                  <c:v>98.9375</c:v>
                </c:pt>
                <c:pt idx="153">
                  <c:v>98.9375</c:v>
                </c:pt>
                <c:pt idx="154">
                  <c:v>98.9375</c:v>
                </c:pt>
                <c:pt idx="155">
                  <c:v>98.9375</c:v>
                </c:pt>
                <c:pt idx="156">
                  <c:v>98.9375</c:v>
                </c:pt>
                <c:pt idx="157">
                  <c:v>98.9375</c:v>
                </c:pt>
                <c:pt idx="158">
                  <c:v>98.9375</c:v>
                </c:pt>
                <c:pt idx="159">
                  <c:v>98.9375</c:v>
                </c:pt>
                <c:pt idx="160">
                  <c:v>98.9375</c:v>
                </c:pt>
                <c:pt idx="161">
                  <c:v>98.9375</c:v>
                </c:pt>
                <c:pt idx="162">
                  <c:v>98.9375</c:v>
                </c:pt>
                <c:pt idx="163">
                  <c:v>98.9375</c:v>
                </c:pt>
                <c:pt idx="164">
                  <c:v>98.9375</c:v>
                </c:pt>
                <c:pt idx="165">
                  <c:v>98.9375</c:v>
                </c:pt>
                <c:pt idx="166">
                  <c:v>98.9375</c:v>
                </c:pt>
                <c:pt idx="167">
                  <c:v>98.9375</c:v>
                </c:pt>
                <c:pt idx="168">
                  <c:v>98.9375</c:v>
                </c:pt>
                <c:pt idx="169">
                  <c:v>98.9375</c:v>
                </c:pt>
                <c:pt idx="170">
                  <c:v>98.9375</c:v>
                </c:pt>
                <c:pt idx="171">
                  <c:v>98.9375</c:v>
                </c:pt>
                <c:pt idx="172">
                  <c:v>98.9375</c:v>
                </c:pt>
                <c:pt idx="173">
                  <c:v>98.9375</c:v>
                </c:pt>
                <c:pt idx="174">
                  <c:v>98.9375</c:v>
                </c:pt>
                <c:pt idx="175">
                  <c:v>98.9375</c:v>
                </c:pt>
                <c:pt idx="176">
                  <c:v>98.9375</c:v>
                </c:pt>
                <c:pt idx="177">
                  <c:v>98.9375</c:v>
                </c:pt>
                <c:pt idx="178">
                  <c:v>98.9375</c:v>
                </c:pt>
                <c:pt idx="179">
                  <c:v>98.9375</c:v>
                </c:pt>
                <c:pt idx="180">
                  <c:v>98.9375</c:v>
                </c:pt>
                <c:pt idx="181">
                  <c:v>98.9375</c:v>
                </c:pt>
                <c:pt idx="182">
                  <c:v>98.9375</c:v>
                </c:pt>
                <c:pt idx="183">
                  <c:v>98.9375</c:v>
                </c:pt>
                <c:pt idx="184">
                  <c:v>98.9375</c:v>
                </c:pt>
                <c:pt idx="185">
                  <c:v>98.9375</c:v>
                </c:pt>
                <c:pt idx="186">
                  <c:v>98.9375</c:v>
                </c:pt>
                <c:pt idx="187">
                  <c:v>98.9375</c:v>
                </c:pt>
                <c:pt idx="188">
                  <c:v>98.9375</c:v>
                </c:pt>
                <c:pt idx="189">
                  <c:v>98.9375</c:v>
                </c:pt>
                <c:pt idx="190">
                  <c:v>98.9375</c:v>
                </c:pt>
                <c:pt idx="191">
                  <c:v>98.9375</c:v>
                </c:pt>
                <c:pt idx="192">
                  <c:v>98.9375</c:v>
                </c:pt>
                <c:pt idx="193">
                  <c:v>98.9375</c:v>
                </c:pt>
                <c:pt idx="194">
                  <c:v>98.9375</c:v>
                </c:pt>
                <c:pt idx="195">
                  <c:v>98.9375</c:v>
                </c:pt>
                <c:pt idx="196">
                  <c:v>98.9375</c:v>
                </c:pt>
                <c:pt idx="197">
                  <c:v>98.9375</c:v>
                </c:pt>
                <c:pt idx="198">
                  <c:v>98.9375</c:v>
                </c:pt>
                <c:pt idx="199">
                  <c:v>98.9375</c:v>
                </c:pt>
                <c:pt idx="200">
                  <c:v>98.9375</c:v>
                </c:pt>
                <c:pt idx="201">
                  <c:v>98.9375</c:v>
                </c:pt>
                <c:pt idx="202">
                  <c:v>98.9375</c:v>
                </c:pt>
                <c:pt idx="203">
                  <c:v>98.9375</c:v>
                </c:pt>
                <c:pt idx="204">
                  <c:v>98.9375</c:v>
                </c:pt>
                <c:pt idx="205">
                  <c:v>98.9375</c:v>
                </c:pt>
                <c:pt idx="206">
                  <c:v>98.9375</c:v>
                </c:pt>
                <c:pt idx="207">
                  <c:v>98.9375</c:v>
                </c:pt>
                <c:pt idx="208">
                  <c:v>98.9375</c:v>
                </c:pt>
                <c:pt idx="209">
                  <c:v>98.9375</c:v>
                </c:pt>
                <c:pt idx="210">
                  <c:v>98.9375</c:v>
                </c:pt>
                <c:pt idx="211">
                  <c:v>98.9375</c:v>
                </c:pt>
                <c:pt idx="212">
                  <c:v>98.9375</c:v>
                </c:pt>
                <c:pt idx="213">
                  <c:v>98.9375</c:v>
                </c:pt>
                <c:pt idx="214">
                  <c:v>98.9375</c:v>
                </c:pt>
                <c:pt idx="215">
                  <c:v>98.9375</c:v>
                </c:pt>
                <c:pt idx="216">
                  <c:v>98.9375</c:v>
                </c:pt>
                <c:pt idx="217">
                  <c:v>98.9375</c:v>
                </c:pt>
                <c:pt idx="218">
                  <c:v>98.9375</c:v>
                </c:pt>
                <c:pt idx="219">
                  <c:v>98.9375</c:v>
                </c:pt>
                <c:pt idx="220">
                  <c:v>98.9375</c:v>
                </c:pt>
                <c:pt idx="221">
                  <c:v>98.9375</c:v>
                </c:pt>
                <c:pt idx="222">
                  <c:v>98.9375</c:v>
                </c:pt>
                <c:pt idx="223">
                  <c:v>98.9375</c:v>
                </c:pt>
                <c:pt idx="224">
                  <c:v>98.9375</c:v>
                </c:pt>
                <c:pt idx="225">
                  <c:v>98.9375</c:v>
                </c:pt>
                <c:pt idx="226">
                  <c:v>98.9375</c:v>
                </c:pt>
                <c:pt idx="227">
                  <c:v>98.9375</c:v>
                </c:pt>
                <c:pt idx="228">
                  <c:v>98.9375</c:v>
                </c:pt>
                <c:pt idx="229">
                  <c:v>98.9375</c:v>
                </c:pt>
                <c:pt idx="230">
                  <c:v>98.9375</c:v>
                </c:pt>
                <c:pt idx="231">
                  <c:v>98.9375</c:v>
                </c:pt>
                <c:pt idx="232">
                  <c:v>98.9375</c:v>
                </c:pt>
                <c:pt idx="233">
                  <c:v>98.9375</c:v>
                </c:pt>
                <c:pt idx="234">
                  <c:v>98.9375</c:v>
                </c:pt>
                <c:pt idx="235">
                  <c:v>98.9375</c:v>
                </c:pt>
                <c:pt idx="236">
                  <c:v>98.9375</c:v>
                </c:pt>
                <c:pt idx="237">
                  <c:v>98.9375</c:v>
                </c:pt>
                <c:pt idx="238">
                  <c:v>98.9375</c:v>
                </c:pt>
                <c:pt idx="239">
                  <c:v>98.9375</c:v>
                </c:pt>
                <c:pt idx="240">
                  <c:v>98.9375</c:v>
                </c:pt>
                <c:pt idx="241">
                  <c:v>98.9375</c:v>
                </c:pt>
                <c:pt idx="242">
                  <c:v>98.9375</c:v>
                </c:pt>
                <c:pt idx="243">
                  <c:v>98.9375</c:v>
                </c:pt>
                <c:pt idx="244">
                  <c:v>98.9375</c:v>
                </c:pt>
                <c:pt idx="245">
                  <c:v>98.9375</c:v>
                </c:pt>
                <c:pt idx="246">
                  <c:v>98.9375</c:v>
                </c:pt>
                <c:pt idx="247">
                  <c:v>98.9375</c:v>
                </c:pt>
                <c:pt idx="248">
                  <c:v>98.9375</c:v>
                </c:pt>
                <c:pt idx="249">
                  <c:v>98.9375</c:v>
                </c:pt>
                <c:pt idx="250">
                  <c:v>98.9375</c:v>
                </c:pt>
                <c:pt idx="251">
                  <c:v>98.9375</c:v>
                </c:pt>
                <c:pt idx="252">
                  <c:v>98.9375</c:v>
                </c:pt>
                <c:pt idx="253">
                  <c:v>98.9375</c:v>
                </c:pt>
                <c:pt idx="254">
                  <c:v>98.9375</c:v>
                </c:pt>
                <c:pt idx="255">
                  <c:v>98.9375</c:v>
                </c:pt>
                <c:pt idx="256">
                  <c:v>98.9375</c:v>
                </c:pt>
                <c:pt idx="257">
                  <c:v>98.9375</c:v>
                </c:pt>
                <c:pt idx="258">
                  <c:v>52.37</c:v>
                </c:pt>
                <c:pt idx="259">
                  <c:v>52.37</c:v>
                </c:pt>
                <c:pt idx="260">
                  <c:v>52.37</c:v>
                </c:pt>
                <c:pt idx="261">
                  <c:v>52.37</c:v>
                </c:pt>
                <c:pt idx="262">
                  <c:v>52.37</c:v>
                </c:pt>
                <c:pt idx="263">
                  <c:v>52.37</c:v>
                </c:pt>
                <c:pt idx="264">
                  <c:v>52.37</c:v>
                </c:pt>
                <c:pt idx="265">
                  <c:v>52.37</c:v>
                </c:pt>
                <c:pt idx="266">
                  <c:v>52.37</c:v>
                </c:pt>
                <c:pt idx="267">
                  <c:v>52.37</c:v>
                </c:pt>
                <c:pt idx="268">
                  <c:v>52.37</c:v>
                </c:pt>
                <c:pt idx="269">
                  <c:v>52.37</c:v>
                </c:pt>
                <c:pt idx="270">
                  <c:v>52.37</c:v>
                </c:pt>
                <c:pt idx="271">
                  <c:v>52.37</c:v>
                </c:pt>
                <c:pt idx="272">
                  <c:v>52.37</c:v>
                </c:pt>
                <c:pt idx="273">
                  <c:v>52.37</c:v>
                </c:pt>
                <c:pt idx="274">
                  <c:v>52.37</c:v>
                </c:pt>
                <c:pt idx="275">
                  <c:v>52.37</c:v>
                </c:pt>
                <c:pt idx="276">
                  <c:v>52.37</c:v>
                </c:pt>
                <c:pt idx="277">
                  <c:v>52.37</c:v>
                </c:pt>
                <c:pt idx="278">
                  <c:v>52.37</c:v>
                </c:pt>
                <c:pt idx="279">
                  <c:v>52.37</c:v>
                </c:pt>
                <c:pt idx="280">
                  <c:v>52.37</c:v>
                </c:pt>
                <c:pt idx="281">
                  <c:v>52.37</c:v>
                </c:pt>
                <c:pt idx="282">
                  <c:v>52.37</c:v>
                </c:pt>
                <c:pt idx="283">
                  <c:v>52.37</c:v>
                </c:pt>
                <c:pt idx="284">
                  <c:v>52.37</c:v>
                </c:pt>
                <c:pt idx="285">
                  <c:v>52.37</c:v>
                </c:pt>
                <c:pt idx="286">
                  <c:v>52.37</c:v>
                </c:pt>
                <c:pt idx="287">
                  <c:v>52.37</c:v>
                </c:pt>
                <c:pt idx="288">
                  <c:v>52.37</c:v>
                </c:pt>
                <c:pt idx="289">
                  <c:v>52.37</c:v>
                </c:pt>
                <c:pt idx="290">
                  <c:v>52.37</c:v>
                </c:pt>
                <c:pt idx="291">
                  <c:v>52.37</c:v>
                </c:pt>
                <c:pt idx="292">
                  <c:v>52.37</c:v>
                </c:pt>
                <c:pt idx="293">
                  <c:v>52.37</c:v>
                </c:pt>
                <c:pt idx="294">
                  <c:v>52.37</c:v>
                </c:pt>
                <c:pt idx="295">
                  <c:v>52.37</c:v>
                </c:pt>
                <c:pt idx="296">
                  <c:v>52.37</c:v>
                </c:pt>
                <c:pt idx="297">
                  <c:v>52.37</c:v>
                </c:pt>
                <c:pt idx="298">
                  <c:v>52.37</c:v>
                </c:pt>
                <c:pt idx="299">
                  <c:v>52.37</c:v>
                </c:pt>
                <c:pt idx="300">
                  <c:v>52.37</c:v>
                </c:pt>
                <c:pt idx="301">
                  <c:v>52.37</c:v>
                </c:pt>
                <c:pt idx="302">
                  <c:v>52.37</c:v>
                </c:pt>
                <c:pt idx="303">
                  <c:v>52.37</c:v>
                </c:pt>
                <c:pt idx="304">
                  <c:v>52.37</c:v>
                </c:pt>
                <c:pt idx="305">
                  <c:v>52.37</c:v>
                </c:pt>
                <c:pt idx="306">
                  <c:v>52.37</c:v>
                </c:pt>
                <c:pt idx="307">
                  <c:v>52.37</c:v>
                </c:pt>
                <c:pt idx="308">
                  <c:v>52.37</c:v>
                </c:pt>
                <c:pt idx="309">
                  <c:v>52.37</c:v>
                </c:pt>
                <c:pt idx="310">
                  <c:v>52.37</c:v>
                </c:pt>
                <c:pt idx="311">
                  <c:v>52.37</c:v>
                </c:pt>
                <c:pt idx="312">
                  <c:v>52.37</c:v>
                </c:pt>
                <c:pt idx="313">
                  <c:v>52.37</c:v>
                </c:pt>
                <c:pt idx="314">
                  <c:v>52.37</c:v>
                </c:pt>
                <c:pt idx="315">
                  <c:v>52.37</c:v>
                </c:pt>
                <c:pt idx="316">
                  <c:v>52.37</c:v>
                </c:pt>
                <c:pt idx="317">
                  <c:v>52.37</c:v>
                </c:pt>
                <c:pt idx="318">
                  <c:v>52.37</c:v>
                </c:pt>
                <c:pt idx="319">
                  <c:v>52.37</c:v>
                </c:pt>
                <c:pt idx="320">
                  <c:v>52.37</c:v>
                </c:pt>
                <c:pt idx="321">
                  <c:v>52.37</c:v>
                </c:pt>
                <c:pt idx="322">
                  <c:v>52.37</c:v>
                </c:pt>
                <c:pt idx="323">
                  <c:v>52.37</c:v>
                </c:pt>
                <c:pt idx="324">
                  <c:v>52.37</c:v>
                </c:pt>
                <c:pt idx="325">
                  <c:v>52.37</c:v>
                </c:pt>
                <c:pt idx="326">
                  <c:v>52.37</c:v>
                </c:pt>
                <c:pt idx="327">
                  <c:v>52.37</c:v>
                </c:pt>
                <c:pt idx="328">
                  <c:v>52.37</c:v>
                </c:pt>
                <c:pt idx="329">
                  <c:v>52.37</c:v>
                </c:pt>
                <c:pt idx="330">
                  <c:v>52.37</c:v>
                </c:pt>
                <c:pt idx="331">
                  <c:v>52.37</c:v>
                </c:pt>
                <c:pt idx="332">
                  <c:v>52.37</c:v>
                </c:pt>
                <c:pt idx="333">
                  <c:v>52.37</c:v>
                </c:pt>
                <c:pt idx="334">
                  <c:v>52.37</c:v>
                </c:pt>
                <c:pt idx="335">
                  <c:v>52.37</c:v>
                </c:pt>
                <c:pt idx="336">
                  <c:v>52.37</c:v>
                </c:pt>
                <c:pt idx="337">
                  <c:v>52.37</c:v>
                </c:pt>
                <c:pt idx="338">
                  <c:v>52.37</c:v>
                </c:pt>
                <c:pt idx="339">
                  <c:v>52.37</c:v>
                </c:pt>
                <c:pt idx="340">
                  <c:v>52.37</c:v>
                </c:pt>
                <c:pt idx="341">
                  <c:v>52.37</c:v>
                </c:pt>
                <c:pt idx="342">
                  <c:v>52.37</c:v>
                </c:pt>
                <c:pt idx="343">
                  <c:v>52.37</c:v>
                </c:pt>
                <c:pt idx="344">
                  <c:v>52.37</c:v>
                </c:pt>
                <c:pt idx="345">
                  <c:v>52.37</c:v>
                </c:pt>
                <c:pt idx="346">
                  <c:v>52.37</c:v>
                </c:pt>
                <c:pt idx="347">
                  <c:v>52.37</c:v>
                </c:pt>
                <c:pt idx="348">
                  <c:v>52.37</c:v>
                </c:pt>
                <c:pt idx="349">
                  <c:v>52.37</c:v>
                </c:pt>
                <c:pt idx="350">
                  <c:v>52.37</c:v>
                </c:pt>
                <c:pt idx="351">
                  <c:v>52.37</c:v>
                </c:pt>
                <c:pt idx="352">
                  <c:v>52.37</c:v>
                </c:pt>
                <c:pt idx="353">
                  <c:v>52.37</c:v>
                </c:pt>
                <c:pt idx="354">
                  <c:v>52.37</c:v>
                </c:pt>
                <c:pt idx="355">
                  <c:v>52.37</c:v>
                </c:pt>
                <c:pt idx="356">
                  <c:v>52.37</c:v>
                </c:pt>
                <c:pt idx="357">
                  <c:v>52.37</c:v>
                </c:pt>
                <c:pt idx="358">
                  <c:v>52.37</c:v>
                </c:pt>
                <c:pt idx="359">
                  <c:v>52.37</c:v>
                </c:pt>
                <c:pt idx="360">
                  <c:v>52.37</c:v>
                </c:pt>
                <c:pt idx="361">
                  <c:v>52.37</c:v>
                </c:pt>
                <c:pt idx="362">
                  <c:v>52.37</c:v>
                </c:pt>
                <c:pt idx="363">
                  <c:v>52.37</c:v>
                </c:pt>
                <c:pt idx="364">
                  <c:v>52.37</c:v>
                </c:pt>
                <c:pt idx="365">
                  <c:v>52.37</c:v>
                </c:pt>
                <c:pt idx="366">
                  <c:v>52.37</c:v>
                </c:pt>
                <c:pt idx="367">
                  <c:v>52.37</c:v>
                </c:pt>
                <c:pt idx="368">
                  <c:v>52.37</c:v>
                </c:pt>
                <c:pt idx="369">
                  <c:v>52.37</c:v>
                </c:pt>
                <c:pt idx="370">
                  <c:v>52.37</c:v>
                </c:pt>
                <c:pt idx="371">
                  <c:v>52.37</c:v>
                </c:pt>
                <c:pt idx="372">
                  <c:v>52.37</c:v>
                </c:pt>
                <c:pt idx="373">
                  <c:v>52.37</c:v>
                </c:pt>
                <c:pt idx="374">
                  <c:v>52.37</c:v>
                </c:pt>
                <c:pt idx="375">
                  <c:v>52.37</c:v>
                </c:pt>
                <c:pt idx="376">
                  <c:v>52.37</c:v>
                </c:pt>
                <c:pt idx="377">
                  <c:v>52.37</c:v>
                </c:pt>
                <c:pt idx="378">
                  <c:v>52.37</c:v>
                </c:pt>
                <c:pt idx="379">
                  <c:v>52.37</c:v>
                </c:pt>
                <c:pt idx="380">
                  <c:v>52.37</c:v>
                </c:pt>
                <c:pt idx="381">
                  <c:v>52.37</c:v>
                </c:pt>
                <c:pt idx="382">
                  <c:v>52.37</c:v>
                </c:pt>
                <c:pt idx="383">
                  <c:v>52.37</c:v>
                </c:pt>
                <c:pt idx="384">
                  <c:v>52.37</c:v>
                </c:pt>
                <c:pt idx="385">
                  <c:v>52.37</c:v>
                </c:pt>
                <c:pt idx="386">
                  <c:v>52.37</c:v>
                </c:pt>
                <c:pt idx="387">
                  <c:v>52.37</c:v>
                </c:pt>
                <c:pt idx="388">
                  <c:v>52.37</c:v>
                </c:pt>
                <c:pt idx="389">
                  <c:v>52.37</c:v>
                </c:pt>
                <c:pt idx="390">
                  <c:v>52.37</c:v>
                </c:pt>
                <c:pt idx="391">
                  <c:v>52.37</c:v>
                </c:pt>
                <c:pt idx="392">
                  <c:v>52.37</c:v>
                </c:pt>
                <c:pt idx="393">
                  <c:v>52.37</c:v>
                </c:pt>
                <c:pt idx="394">
                  <c:v>52.37</c:v>
                </c:pt>
                <c:pt idx="395">
                  <c:v>52.37</c:v>
                </c:pt>
                <c:pt idx="396">
                  <c:v>52.37</c:v>
                </c:pt>
                <c:pt idx="397">
                  <c:v>52.37</c:v>
                </c:pt>
                <c:pt idx="398">
                  <c:v>52.37</c:v>
                </c:pt>
                <c:pt idx="399">
                  <c:v>52.37</c:v>
                </c:pt>
                <c:pt idx="400">
                  <c:v>52.37</c:v>
                </c:pt>
                <c:pt idx="401">
                  <c:v>52.37</c:v>
                </c:pt>
                <c:pt idx="402">
                  <c:v>52.37</c:v>
                </c:pt>
                <c:pt idx="403">
                  <c:v>52.37</c:v>
                </c:pt>
                <c:pt idx="404">
                  <c:v>52.37</c:v>
                </c:pt>
                <c:pt idx="405">
                  <c:v>52.37</c:v>
                </c:pt>
                <c:pt idx="406">
                  <c:v>52.37</c:v>
                </c:pt>
                <c:pt idx="407">
                  <c:v>52.37</c:v>
                </c:pt>
                <c:pt idx="408">
                  <c:v>52.37</c:v>
                </c:pt>
                <c:pt idx="409">
                  <c:v>52.37</c:v>
                </c:pt>
                <c:pt idx="410">
                  <c:v>52.37</c:v>
                </c:pt>
                <c:pt idx="411">
                  <c:v>52.37</c:v>
                </c:pt>
                <c:pt idx="412">
                  <c:v>52.37</c:v>
                </c:pt>
                <c:pt idx="413">
                  <c:v>52.37</c:v>
                </c:pt>
                <c:pt idx="414">
                  <c:v>52.37</c:v>
                </c:pt>
                <c:pt idx="415">
                  <c:v>52.37</c:v>
                </c:pt>
                <c:pt idx="416">
                  <c:v>52.37</c:v>
                </c:pt>
                <c:pt idx="417">
                  <c:v>52.37</c:v>
                </c:pt>
                <c:pt idx="418">
                  <c:v>52.37</c:v>
                </c:pt>
                <c:pt idx="419">
                  <c:v>52.37</c:v>
                </c:pt>
                <c:pt idx="420">
                  <c:v>52.37</c:v>
                </c:pt>
                <c:pt idx="421">
                  <c:v>52.37</c:v>
                </c:pt>
                <c:pt idx="422">
                  <c:v>52.37</c:v>
                </c:pt>
                <c:pt idx="423">
                  <c:v>52.37</c:v>
                </c:pt>
                <c:pt idx="424">
                  <c:v>52.37</c:v>
                </c:pt>
                <c:pt idx="425">
                  <c:v>52.37</c:v>
                </c:pt>
                <c:pt idx="426">
                  <c:v>52.37</c:v>
                </c:pt>
                <c:pt idx="427">
                  <c:v>52.37</c:v>
                </c:pt>
                <c:pt idx="428">
                  <c:v>52.37</c:v>
                </c:pt>
                <c:pt idx="429">
                  <c:v>52.37</c:v>
                </c:pt>
                <c:pt idx="430">
                  <c:v>52.37</c:v>
                </c:pt>
                <c:pt idx="431">
                  <c:v>52.37</c:v>
                </c:pt>
                <c:pt idx="432">
                  <c:v>52.37</c:v>
                </c:pt>
                <c:pt idx="433">
                  <c:v>52.37</c:v>
                </c:pt>
                <c:pt idx="434">
                  <c:v>52.37</c:v>
                </c:pt>
                <c:pt idx="435">
                  <c:v>52.37</c:v>
                </c:pt>
                <c:pt idx="436">
                  <c:v>52.37</c:v>
                </c:pt>
                <c:pt idx="437">
                  <c:v>52.37</c:v>
                </c:pt>
                <c:pt idx="438">
                  <c:v>52.37</c:v>
                </c:pt>
                <c:pt idx="439">
                  <c:v>52.37</c:v>
                </c:pt>
                <c:pt idx="440">
                  <c:v>52.37</c:v>
                </c:pt>
                <c:pt idx="441">
                  <c:v>52.37</c:v>
                </c:pt>
                <c:pt idx="442">
                  <c:v>52.37</c:v>
                </c:pt>
                <c:pt idx="443">
                  <c:v>52.37</c:v>
                </c:pt>
                <c:pt idx="444">
                  <c:v>52.37</c:v>
                </c:pt>
                <c:pt idx="445">
                  <c:v>52.37</c:v>
                </c:pt>
                <c:pt idx="446">
                  <c:v>52.37</c:v>
                </c:pt>
                <c:pt idx="447">
                  <c:v>52.37</c:v>
                </c:pt>
                <c:pt idx="448">
                  <c:v>52.37</c:v>
                </c:pt>
                <c:pt idx="449">
                  <c:v>52.37</c:v>
                </c:pt>
                <c:pt idx="450">
                  <c:v>52.37</c:v>
                </c:pt>
                <c:pt idx="451">
                  <c:v>52.37</c:v>
                </c:pt>
                <c:pt idx="452">
                  <c:v>52.37</c:v>
                </c:pt>
                <c:pt idx="453">
                  <c:v>52.37</c:v>
                </c:pt>
                <c:pt idx="454">
                  <c:v>52.37</c:v>
                </c:pt>
                <c:pt idx="455">
                  <c:v>52.37</c:v>
                </c:pt>
                <c:pt idx="456">
                  <c:v>52.37</c:v>
                </c:pt>
                <c:pt idx="457">
                  <c:v>52.37</c:v>
                </c:pt>
                <c:pt idx="458">
                  <c:v>52.37</c:v>
                </c:pt>
                <c:pt idx="459">
                  <c:v>52.37</c:v>
                </c:pt>
                <c:pt idx="460">
                  <c:v>52.37</c:v>
                </c:pt>
                <c:pt idx="461">
                  <c:v>52.37</c:v>
                </c:pt>
                <c:pt idx="462">
                  <c:v>52.37</c:v>
                </c:pt>
                <c:pt idx="463">
                  <c:v>52.37</c:v>
                </c:pt>
                <c:pt idx="464">
                  <c:v>52.37</c:v>
                </c:pt>
                <c:pt idx="465">
                  <c:v>52.37</c:v>
                </c:pt>
                <c:pt idx="466">
                  <c:v>52.37</c:v>
                </c:pt>
                <c:pt idx="467">
                  <c:v>52.37</c:v>
                </c:pt>
                <c:pt idx="468">
                  <c:v>52.37</c:v>
                </c:pt>
                <c:pt idx="469">
                  <c:v>52.37</c:v>
                </c:pt>
                <c:pt idx="470">
                  <c:v>52.37</c:v>
                </c:pt>
                <c:pt idx="471">
                  <c:v>52.37</c:v>
                </c:pt>
                <c:pt idx="472">
                  <c:v>52.37</c:v>
                </c:pt>
                <c:pt idx="473">
                  <c:v>52.37</c:v>
                </c:pt>
                <c:pt idx="474">
                  <c:v>52.37</c:v>
                </c:pt>
                <c:pt idx="475">
                  <c:v>52.37</c:v>
                </c:pt>
                <c:pt idx="476">
                  <c:v>52.37</c:v>
                </c:pt>
                <c:pt idx="477">
                  <c:v>52.37</c:v>
                </c:pt>
                <c:pt idx="478">
                  <c:v>52.37</c:v>
                </c:pt>
                <c:pt idx="479">
                  <c:v>52.37</c:v>
                </c:pt>
                <c:pt idx="480">
                  <c:v>52.37</c:v>
                </c:pt>
                <c:pt idx="481">
                  <c:v>52.37</c:v>
                </c:pt>
                <c:pt idx="482">
                  <c:v>52.37</c:v>
                </c:pt>
                <c:pt idx="483">
                  <c:v>52.37</c:v>
                </c:pt>
                <c:pt idx="484">
                  <c:v>52.37</c:v>
                </c:pt>
                <c:pt idx="485">
                  <c:v>52.37</c:v>
                </c:pt>
                <c:pt idx="486">
                  <c:v>52.37</c:v>
                </c:pt>
                <c:pt idx="487">
                  <c:v>52.37</c:v>
                </c:pt>
                <c:pt idx="488">
                  <c:v>52.37</c:v>
                </c:pt>
                <c:pt idx="489">
                  <c:v>52.37</c:v>
                </c:pt>
                <c:pt idx="490">
                  <c:v>52.37</c:v>
                </c:pt>
                <c:pt idx="491">
                  <c:v>52.37</c:v>
                </c:pt>
                <c:pt idx="492">
                  <c:v>52.37</c:v>
                </c:pt>
                <c:pt idx="493">
                  <c:v>52.37</c:v>
                </c:pt>
                <c:pt idx="494">
                  <c:v>52.37</c:v>
                </c:pt>
                <c:pt idx="495">
                  <c:v>52.37</c:v>
                </c:pt>
                <c:pt idx="496">
                  <c:v>52.37</c:v>
                </c:pt>
                <c:pt idx="497">
                  <c:v>52.37</c:v>
                </c:pt>
                <c:pt idx="498">
                  <c:v>52.37</c:v>
                </c:pt>
                <c:pt idx="499">
                  <c:v>52.37</c:v>
                </c:pt>
                <c:pt idx="500">
                  <c:v>52.37</c:v>
                </c:pt>
                <c:pt idx="501">
                  <c:v>52.37</c:v>
                </c:pt>
                <c:pt idx="502">
                  <c:v>52.37</c:v>
                </c:pt>
                <c:pt idx="503">
                  <c:v>52.37</c:v>
                </c:pt>
                <c:pt idx="504">
                  <c:v>52.37</c:v>
                </c:pt>
                <c:pt idx="505">
                  <c:v>52.37</c:v>
                </c:pt>
                <c:pt idx="506">
                  <c:v>52.37</c:v>
                </c:pt>
                <c:pt idx="507">
                  <c:v>52.37</c:v>
                </c:pt>
                <c:pt idx="508">
                  <c:v>52.37</c:v>
                </c:pt>
                <c:pt idx="509">
                  <c:v>52.37</c:v>
                </c:pt>
                <c:pt idx="510">
                  <c:v>52.37</c:v>
                </c:pt>
                <c:pt idx="511">
                  <c:v>52.37</c:v>
                </c:pt>
                <c:pt idx="512">
                  <c:v>52.37</c:v>
                </c:pt>
                <c:pt idx="513">
                  <c:v>52.37</c:v>
                </c:pt>
                <c:pt idx="514">
                  <c:v>52.37</c:v>
                </c:pt>
                <c:pt idx="515">
                  <c:v>52.37</c:v>
                </c:pt>
                <c:pt idx="516">
                  <c:v>52.37</c:v>
                </c:pt>
                <c:pt idx="517">
                  <c:v>52.37</c:v>
                </c:pt>
                <c:pt idx="518" formatCode="_(* #,##0.00_);_(* \(#,##0.00\);_(* &quot;-&quot;??_);_(@_)">
                  <c:v>44.05</c:v>
                </c:pt>
                <c:pt idx="519" formatCode="_(* #,##0.00_);_(* \(#,##0.00\);_(* &quot;-&quot;??_);_(@_)">
                  <c:v>44.05</c:v>
                </c:pt>
                <c:pt idx="520" formatCode="_(* #,##0.00_);_(* \(#,##0.00\);_(* &quot;-&quot;??_);_(@_)">
                  <c:v>44.05</c:v>
                </c:pt>
                <c:pt idx="521" formatCode="_(* #,##0.00_);_(* \(#,##0.00\);_(* &quot;-&quot;??_);_(@_)">
                  <c:v>44.05</c:v>
                </c:pt>
                <c:pt idx="522" formatCode="_(* #,##0.00_);_(* \(#,##0.00\);_(* &quot;-&quot;??_);_(@_)">
                  <c:v>44.05</c:v>
                </c:pt>
                <c:pt idx="523" formatCode="_(* #,##0.00_);_(* \(#,##0.00\);_(* &quot;-&quot;??_);_(@_)">
                  <c:v>44.05</c:v>
                </c:pt>
                <c:pt idx="524" formatCode="_(* #,##0.00_);_(* \(#,##0.00\);_(* &quot;-&quot;??_);_(@_)">
                  <c:v>44.05</c:v>
                </c:pt>
                <c:pt idx="525" formatCode="_(* #,##0.00_);_(* \(#,##0.00\);_(* &quot;-&quot;??_);_(@_)">
                  <c:v>44.05</c:v>
                </c:pt>
                <c:pt idx="526" formatCode="_(* #,##0.00_);_(* \(#,##0.00\);_(* &quot;-&quot;??_);_(@_)">
                  <c:v>44.05</c:v>
                </c:pt>
                <c:pt idx="527" formatCode="_(* #,##0.00_);_(* \(#,##0.00\);_(* &quot;-&quot;??_);_(@_)">
                  <c:v>44.05</c:v>
                </c:pt>
                <c:pt idx="528" formatCode="_(* #,##0.00_);_(* \(#,##0.00\);_(* &quot;-&quot;??_);_(@_)">
                  <c:v>44.05</c:v>
                </c:pt>
                <c:pt idx="529" formatCode="_(* #,##0.00_);_(* \(#,##0.00\);_(* &quot;-&quot;??_);_(@_)">
                  <c:v>44.05</c:v>
                </c:pt>
                <c:pt idx="530" formatCode="_(* #,##0.00_);_(* \(#,##0.00\);_(* &quot;-&quot;??_);_(@_)">
                  <c:v>44.05</c:v>
                </c:pt>
                <c:pt idx="531" formatCode="_(* #,##0.00_);_(* \(#,##0.00\);_(* &quot;-&quot;??_);_(@_)">
                  <c:v>44.05</c:v>
                </c:pt>
                <c:pt idx="532" formatCode="_(* #,##0.00_);_(* \(#,##0.00\);_(* &quot;-&quot;??_);_(@_)">
                  <c:v>44.05</c:v>
                </c:pt>
                <c:pt idx="533" formatCode="_(* #,##0.00_);_(* \(#,##0.00\);_(* &quot;-&quot;??_);_(@_)">
                  <c:v>44.05</c:v>
                </c:pt>
                <c:pt idx="534" formatCode="_(* #,##0.00_);_(* \(#,##0.00\);_(* &quot;-&quot;??_);_(@_)">
                  <c:v>44.05</c:v>
                </c:pt>
                <c:pt idx="535" formatCode="_(* #,##0.00_);_(* \(#,##0.00\);_(* &quot;-&quot;??_);_(@_)">
                  <c:v>44.05</c:v>
                </c:pt>
                <c:pt idx="536" formatCode="_(* #,##0.00_);_(* \(#,##0.00\);_(* &quot;-&quot;??_);_(@_)">
                  <c:v>44.05</c:v>
                </c:pt>
                <c:pt idx="537" formatCode="_(* #,##0.00_);_(* \(#,##0.00\);_(* &quot;-&quot;??_);_(@_)">
                  <c:v>44.05</c:v>
                </c:pt>
                <c:pt idx="538" formatCode="_(* #,##0.00_);_(* \(#,##0.00\);_(* &quot;-&quot;??_);_(@_)">
                  <c:v>44.05</c:v>
                </c:pt>
                <c:pt idx="539" formatCode="_(* #,##0.00_);_(* \(#,##0.00\);_(* &quot;-&quot;??_);_(@_)">
                  <c:v>44.05</c:v>
                </c:pt>
                <c:pt idx="540" formatCode="_(* #,##0.00_);_(* \(#,##0.00\);_(* &quot;-&quot;??_);_(@_)">
                  <c:v>44.05</c:v>
                </c:pt>
                <c:pt idx="541" formatCode="_(* #,##0.00_);_(* \(#,##0.00\);_(* &quot;-&quot;??_);_(@_)">
                  <c:v>44.05</c:v>
                </c:pt>
                <c:pt idx="542" formatCode="_(* #,##0.00_);_(* \(#,##0.00\);_(* &quot;-&quot;??_);_(@_)">
                  <c:v>44.05</c:v>
                </c:pt>
                <c:pt idx="543" formatCode="_(* #,##0.00_);_(* \(#,##0.00\);_(* &quot;-&quot;??_);_(@_)">
                  <c:v>44.05</c:v>
                </c:pt>
                <c:pt idx="544" formatCode="_(* #,##0.00_);_(* \(#,##0.00\);_(* &quot;-&quot;??_);_(@_)">
                  <c:v>44.05</c:v>
                </c:pt>
                <c:pt idx="545" formatCode="_(* #,##0.00_);_(* \(#,##0.00\);_(* &quot;-&quot;??_);_(@_)">
                  <c:v>44.05</c:v>
                </c:pt>
                <c:pt idx="546" formatCode="_(* #,##0.00_);_(* \(#,##0.00\);_(* &quot;-&quot;??_);_(@_)">
                  <c:v>44.05</c:v>
                </c:pt>
                <c:pt idx="547" formatCode="_(* #,##0.00_);_(* \(#,##0.00\);_(* &quot;-&quot;??_);_(@_)">
                  <c:v>44.05</c:v>
                </c:pt>
                <c:pt idx="548" formatCode="_(* #,##0.00_);_(* \(#,##0.00\);_(* &quot;-&quot;??_);_(@_)">
                  <c:v>44.05</c:v>
                </c:pt>
                <c:pt idx="549" formatCode="_(* #,##0.00_);_(* \(#,##0.00\);_(* &quot;-&quot;??_);_(@_)">
                  <c:v>44.05</c:v>
                </c:pt>
                <c:pt idx="550" formatCode="_(* #,##0.00_);_(* \(#,##0.00\);_(* &quot;-&quot;??_);_(@_)">
                  <c:v>44.05</c:v>
                </c:pt>
                <c:pt idx="551" formatCode="_(* #,##0.00_);_(* \(#,##0.00\);_(* &quot;-&quot;??_);_(@_)">
                  <c:v>44.05</c:v>
                </c:pt>
                <c:pt idx="552" formatCode="_(* #,##0.00_);_(* \(#,##0.00\);_(* &quot;-&quot;??_);_(@_)">
                  <c:v>44.05</c:v>
                </c:pt>
                <c:pt idx="553" formatCode="_(* #,##0.00_);_(* \(#,##0.00\);_(* &quot;-&quot;??_);_(@_)">
                  <c:v>44.05</c:v>
                </c:pt>
                <c:pt idx="554" formatCode="_(* #,##0.00_);_(* \(#,##0.00\);_(* &quot;-&quot;??_);_(@_)">
                  <c:v>44.05</c:v>
                </c:pt>
                <c:pt idx="555" formatCode="_(* #,##0.00_);_(* \(#,##0.00\);_(* &quot;-&quot;??_);_(@_)">
                  <c:v>44.05</c:v>
                </c:pt>
                <c:pt idx="556" formatCode="_(* #,##0.00_);_(* \(#,##0.00\);_(* &quot;-&quot;??_);_(@_)">
                  <c:v>44.05</c:v>
                </c:pt>
                <c:pt idx="557" formatCode="_(* #,##0.00_);_(* \(#,##0.00\);_(* &quot;-&quot;??_);_(@_)">
                  <c:v>44.05</c:v>
                </c:pt>
                <c:pt idx="558" formatCode="_(* #,##0.00_);_(* \(#,##0.00\);_(* &quot;-&quot;??_);_(@_)">
                  <c:v>44.05</c:v>
                </c:pt>
                <c:pt idx="559" formatCode="_(* #,##0.00_);_(* \(#,##0.00\);_(* &quot;-&quot;??_);_(@_)">
                  <c:v>44.05</c:v>
                </c:pt>
                <c:pt idx="560" formatCode="_(* #,##0.00_);_(* \(#,##0.00\);_(* &quot;-&quot;??_);_(@_)">
                  <c:v>44.05</c:v>
                </c:pt>
                <c:pt idx="561" formatCode="_(* #,##0.00_);_(* \(#,##0.00\);_(* &quot;-&quot;??_);_(@_)">
                  <c:v>44.05</c:v>
                </c:pt>
                <c:pt idx="562" formatCode="_(* #,##0.00_);_(* \(#,##0.00\);_(* &quot;-&quot;??_);_(@_)">
                  <c:v>44.05</c:v>
                </c:pt>
                <c:pt idx="563" formatCode="_(* #,##0.00_);_(* \(#,##0.00\);_(* &quot;-&quot;??_);_(@_)">
                  <c:v>44.05</c:v>
                </c:pt>
                <c:pt idx="564" formatCode="_(* #,##0.00_);_(* \(#,##0.00\);_(* &quot;-&quot;??_);_(@_)">
                  <c:v>44.05</c:v>
                </c:pt>
                <c:pt idx="565" formatCode="_(* #,##0.00_);_(* \(#,##0.00\);_(* &quot;-&quot;??_);_(@_)">
                  <c:v>44.05</c:v>
                </c:pt>
                <c:pt idx="566" formatCode="_(* #,##0.00_);_(* \(#,##0.00\);_(* &quot;-&quot;??_);_(@_)">
                  <c:v>44.05</c:v>
                </c:pt>
                <c:pt idx="567" formatCode="_(* #,##0.00_);_(* \(#,##0.00\);_(* &quot;-&quot;??_);_(@_)">
                  <c:v>44.05</c:v>
                </c:pt>
                <c:pt idx="568" formatCode="_(* #,##0.00_);_(* \(#,##0.00\);_(* &quot;-&quot;??_);_(@_)">
                  <c:v>44.05</c:v>
                </c:pt>
                <c:pt idx="569" formatCode="_(* #,##0.00_);_(* \(#,##0.00\);_(* &quot;-&quot;??_);_(@_)">
                  <c:v>44.05</c:v>
                </c:pt>
                <c:pt idx="570" formatCode="_(* #,##0.00_);_(* \(#,##0.00\);_(* &quot;-&quot;??_);_(@_)">
                  <c:v>44.05</c:v>
                </c:pt>
                <c:pt idx="571" formatCode="_(* #,##0.00_);_(* \(#,##0.00\);_(* &quot;-&quot;??_);_(@_)">
                  <c:v>44.05</c:v>
                </c:pt>
                <c:pt idx="572" formatCode="_(* #,##0.00_);_(* \(#,##0.00\);_(* &quot;-&quot;??_);_(@_)">
                  <c:v>44.05</c:v>
                </c:pt>
                <c:pt idx="573" formatCode="_(* #,##0.00_);_(* \(#,##0.00\);_(* &quot;-&quot;??_);_(@_)">
                  <c:v>44.05</c:v>
                </c:pt>
                <c:pt idx="574" formatCode="_(* #,##0.00_);_(* \(#,##0.00\);_(* &quot;-&quot;??_);_(@_)">
                  <c:v>44.05</c:v>
                </c:pt>
                <c:pt idx="575" formatCode="_(* #,##0.00_);_(* \(#,##0.00\);_(* &quot;-&quot;??_);_(@_)">
                  <c:v>44.05</c:v>
                </c:pt>
                <c:pt idx="576" formatCode="_(* #,##0.00_);_(* \(#,##0.00\);_(* &quot;-&quot;??_);_(@_)">
                  <c:v>44.05</c:v>
                </c:pt>
                <c:pt idx="577" formatCode="_(* #,##0.00_);_(* \(#,##0.00\);_(* &quot;-&quot;??_);_(@_)">
                  <c:v>44.05</c:v>
                </c:pt>
                <c:pt idx="578" formatCode="_(* #,##0.00_);_(* \(#,##0.00\);_(* &quot;-&quot;??_);_(@_)">
                  <c:v>44.05</c:v>
                </c:pt>
                <c:pt idx="579" formatCode="_(* #,##0.00_);_(* \(#,##0.00\);_(* &quot;-&quot;??_);_(@_)">
                  <c:v>44.05</c:v>
                </c:pt>
                <c:pt idx="580" formatCode="_(* #,##0.00_);_(* \(#,##0.00\);_(* &quot;-&quot;??_);_(@_)">
                  <c:v>44.05</c:v>
                </c:pt>
                <c:pt idx="581" formatCode="_(* #,##0.00_);_(* \(#,##0.00\);_(* &quot;-&quot;??_);_(@_)">
                  <c:v>44.05</c:v>
                </c:pt>
                <c:pt idx="582" formatCode="_(* #,##0.00_);_(* \(#,##0.00\);_(* &quot;-&quot;??_);_(@_)">
                  <c:v>44.05</c:v>
                </c:pt>
                <c:pt idx="583" formatCode="_(* #,##0.00_);_(* \(#,##0.00\);_(* &quot;-&quot;??_);_(@_)">
                  <c:v>44.05</c:v>
                </c:pt>
                <c:pt idx="584" formatCode="_(* #,##0.00_);_(* \(#,##0.00\);_(* &quot;-&quot;??_);_(@_)">
                  <c:v>44.05</c:v>
                </c:pt>
                <c:pt idx="585" formatCode="_(* #,##0.00_);_(* \(#,##0.00\);_(* &quot;-&quot;??_);_(@_)">
                  <c:v>44.05</c:v>
                </c:pt>
                <c:pt idx="586" formatCode="_(* #,##0.00_);_(* \(#,##0.00\);_(* &quot;-&quot;??_);_(@_)">
                  <c:v>44.05</c:v>
                </c:pt>
                <c:pt idx="587" formatCode="_(* #,##0.00_);_(* \(#,##0.00\);_(* &quot;-&quot;??_);_(@_)">
                  <c:v>44.05</c:v>
                </c:pt>
                <c:pt idx="588" formatCode="_(* #,##0.00_);_(* \(#,##0.00\);_(* &quot;-&quot;??_);_(@_)">
                  <c:v>44.05</c:v>
                </c:pt>
                <c:pt idx="589" formatCode="_(* #,##0.00_);_(* \(#,##0.00\);_(* &quot;-&quot;??_);_(@_)">
                  <c:v>44.05</c:v>
                </c:pt>
                <c:pt idx="590" formatCode="_(* #,##0.00_);_(* \(#,##0.00\);_(* &quot;-&quot;??_);_(@_)">
                  <c:v>44.05</c:v>
                </c:pt>
                <c:pt idx="591" formatCode="_(* #,##0.00_);_(* \(#,##0.00\);_(* &quot;-&quot;??_);_(@_)">
                  <c:v>44.05</c:v>
                </c:pt>
                <c:pt idx="592" formatCode="_(* #,##0.00_);_(* \(#,##0.00\);_(* &quot;-&quot;??_);_(@_)">
                  <c:v>44.05</c:v>
                </c:pt>
                <c:pt idx="593" formatCode="_(* #,##0.00_);_(* \(#,##0.00\);_(* &quot;-&quot;??_);_(@_)">
                  <c:v>44.05</c:v>
                </c:pt>
                <c:pt idx="594" formatCode="_(* #,##0.00_);_(* \(#,##0.00\);_(* &quot;-&quot;??_);_(@_)">
                  <c:v>44.05</c:v>
                </c:pt>
                <c:pt idx="595" formatCode="_(* #,##0.00_);_(* \(#,##0.00\);_(* &quot;-&quot;??_);_(@_)">
                  <c:v>44.05</c:v>
                </c:pt>
                <c:pt idx="596" formatCode="_(* #,##0.00_);_(* \(#,##0.00\);_(* &quot;-&quot;??_);_(@_)">
                  <c:v>44.05</c:v>
                </c:pt>
                <c:pt idx="597" formatCode="_(* #,##0.00_);_(* \(#,##0.00\);_(* &quot;-&quot;??_);_(@_)">
                  <c:v>44.05</c:v>
                </c:pt>
                <c:pt idx="598" formatCode="_(* #,##0.00_);_(* \(#,##0.00\);_(* &quot;-&quot;??_);_(@_)">
                  <c:v>44.05</c:v>
                </c:pt>
                <c:pt idx="599" formatCode="_(* #,##0.00_);_(* \(#,##0.00\);_(* &quot;-&quot;??_);_(@_)">
                  <c:v>44.05</c:v>
                </c:pt>
                <c:pt idx="600" formatCode="_(* #,##0.00_);_(* \(#,##0.00\);_(* &quot;-&quot;??_);_(@_)">
                  <c:v>44.05</c:v>
                </c:pt>
                <c:pt idx="601" formatCode="_(* #,##0.00_);_(* \(#,##0.00\);_(* &quot;-&quot;??_);_(@_)">
                  <c:v>44.05</c:v>
                </c:pt>
                <c:pt idx="602" formatCode="_(* #,##0.00_);_(* \(#,##0.00\);_(* &quot;-&quot;??_);_(@_)">
                  <c:v>44.05</c:v>
                </c:pt>
                <c:pt idx="603" formatCode="_(* #,##0.00_);_(* \(#,##0.00\);_(* &quot;-&quot;??_);_(@_)">
                  <c:v>44.05</c:v>
                </c:pt>
                <c:pt idx="604" formatCode="_(* #,##0.00_);_(* \(#,##0.00\);_(* &quot;-&quot;??_);_(@_)">
                  <c:v>44.05</c:v>
                </c:pt>
                <c:pt idx="605" formatCode="_(* #,##0.00_);_(* \(#,##0.00\);_(* &quot;-&quot;??_);_(@_)">
                  <c:v>44.05</c:v>
                </c:pt>
                <c:pt idx="606" formatCode="_(* #,##0.00_);_(* \(#,##0.00\);_(* &quot;-&quot;??_);_(@_)">
                  <c:v>44.05</c:v>
                </c:pt>
                <c:pt idx="607" formatCode="_(* #,##0.00_);_(* \(#,##0.00\);_(* &quot;-&quot;??_);_(@_)">
                  <c:v>44.05</c:v>
                </c:pt>
                <c:pt idx="608" formatCode="_(* #,##0.00_);_(* \(#,##0.00\);_(* &quot;-&quot;??_);_(@_)">
                  <c:v>44.05</c:v>
                </c:pt>
                <c:pt idx="609" formatCode="_(* #,##0.00_);_(* \(#,##0.00\);_(* &quot;-&quot;??_);_(@_)">
                  <c:v>44.05</c:v>
                </c:pt>
                <c:pt idx="610" formatCode="_(* #,##0.00_);_(* \(#,##0.00\);_(* &quot;-&quot;??_);_(@_)">
                  <c:v>44.05</c:v>
                </c:pt>
                <c:pt idx="611" formatCode="_(* #,##0.00_);_(* \(#,##0.00\);_(* &quot;-&quot;??_);_(@_)">
                  <c:v>44.05</c:v>
                </c:pt>
                <c:pt idx="612" formatCode="_(* #,##0.00_);_(* \(#,##0.00\);_(* &quot;-&quot;??_);_(@_)">
                  <c:v>44.05</c:v>
                </c:pt>
                <c:pt idx="613" formatCode="_(* #,##0.00_);_(* \(#,##0.00\);_(* &quot;-&quot;??_);_(@_)">
                  <c:v>44.05</c:v>
                </c:pt>
                <c:pt idx="614" formatCode="_(* #,##0.00_);_(* \(#,##0.00\);_(* &quot;-&quot;??_);_(@_)">
                  <c:v>44.05</c:v>
                </c:pt>
                <c:pt idx="615" formatCode="_(* #,##0.00_);_(* \(#,##0.00\);_(* &quot;-&quot;??_);_(@_)">
                  <c:v>44.05</c:v>
                </c:pt>
                <c:pt idx="616" formatCode="_(* #,##0.00_);_(* \(#,##0.00\);_(* &quot;-&quot;??_);_(@_)">
                  <c:v>44.05</c:v>
                </c:pt>
                <c:pt idx="617" formatCode="_(* #,##0.00_);_(* \(#,##0.00\);_(* &quot;-&quot;??_);_(@_)">
                  <c:v>44.05</c:v>
                </c:pt>
                <c:pt idx="618" formatCode="_(* #,##0.00_);_(* \(#,##0.00\);_(* &quot;-&quot;??_);_(@_)">
                  <c:v>44.05</c:v>
                </c:pt>
                <c:pt idx="619" formatCode="_(* #,##0.00_);_(* \(#,##0.00\);_(* &quot;-&quot;??_);_(@_)">
                  <c:v>44.05</c:v>
                </c:pt>
                <c:pt idx="620" formatCode="_(* #,##0.00_);_(* \(#,##0.00\);_(* &quot;-&quot;??_);_(@_)">
                  <c:v>44.05</c:v>
                </c:pt>
                <c:pt idx="621" formatCode="_(* #,##0.00_);_(* \(#,##0.00\);_(* &quot;-&quot;??_);_(@_)">
                  <c:v>44.05</c:v>
                </c:pt>
                <c:pt idx="622" formatCode="_(* #,##0.00_);_(* \(#,##0.00\);_(* &quot;-&quot;??_);_(@_)">
                  <c:v>44.05</c:v>
                </c:pt>
                <c:pt idx="623" formatCode="_(* #,##0.00_);_(* \(#,##0.00\);_(* &quot;-&quot;??_);_(@_)">
                  <c:v>44.05</c:v>
                </c:pt>
                <c:pt idx="624" formatCode="_(* #,##0.00_);_(* \(#,##0.00\);_(* &quot;-&quot;??_);_(@_)">
                  <c:v>44.05</c:v>
                </c:pt>
                <c:pt idx="625" formatCode="_(* #,##0.00_);_(* \(#,##0.00\);_(* &quot;-&quot;??_);_(@_)">
                  <c:v>44.05</c:v>
                </c:pt>
                <c:pt idx="626" formatCode="_(* #,##0.00_);_(* \(#,##0.00\);_(* &quot;-&quot;??_);_(@_)">
                  <c:v>44.05</c:v>
                </c:pt>
                <c:pt idx="627" formatCode="_(* #,##0.00_);_(* \(#,##0.00\);_(* &quot;-&quot;??_);_(@_)">
                  <c:v>44.05</c:v>
                </c:pt>
                <c:pt idx="628" formatCode="_(* #,##0.00_);_(* \(#,##0.00\);_(* &quot;-&quot;??_);_(@_)">
                  <c:v>44.05</c:v>
                </c:pt>
                <c:pt idx="629" formatCode="_(* #,##0.00_);_(* \(#,##0.00\);_(* &quot;-&quot;??_);_(@_)">
                  <c:v>44.05</c:v>
                </c:pt>
                <c:pt idx="630" formatCode="_(* #,##0.00_);_(* \(#,##0.00\);_(* &quot;-&quot;??_);_(@_)">
                  <c:v>44.05</c:v>
                </c:pt>
                <c:pt idx="631" formatCode="_(* #,##0.00_);_(* \(#,##0.00\);_(* &quot;-&quot;??_);_(@_)">
                  <c:v>44.05</c:v>
                </c:pt>
                <c:pt idx="632" formatCode="_(* #,##0.00_);_(* \(#,##0.00\);_(* &quot;-&quot;??_);_(@_)">
                  <c:v>44.05</c:v>
                </c:pt>
                <c:pt idx="633" formatCode="_(* #,##0.00_);_(* \(#,##0.00\);_(* &quot;-&quot;??_);_(@_)">
                  <c:v>44.05</c:v>
                </c:pt>
                <c:pt idx="634" formatCode="_(* #,##0.00_);_(* \(#,##0.00\);_(* &quot;-&quot;??_);_(@_)">
                  <c:v>44.05</c:v>
                </c:pt>
                <c:pt idx="635" formatCode="_(* #,##0.00_);_(* \(#,##0.00\);_(* &quot;-&quot;??_);_(@_)">
                  <c:v>44.05</c:v>
                </c:pt>
                <c:pt idx="636" formatCode="_(* #,##0.00_);_(* \(#,##0.00\);_(* &quot;-&quot;??_);_(@_)">
                  <c:v>44.05</c:v>
                </c:pt>
                <c:pt idx="637" formatCode="_(* #,##0.00_);_(* \(#,##0.00\);_(* &quot;-&quot;??_);_(@_)">
                  <c:v>44.05</c:v>
                </c:pt>
                <c:pt idx="638" formatCode="_(* #,##0.00_);_(* \(#,##0.00\);_(* &quot;-&quot;??_);_(@_)">
                  <c:v>44.05</c:v>
                </c:pt>
                <c:pt idx="639" formatCode="_(* #,##0.00_);_(* \(#,##0.00\);_(* &quot;-&quot;??_);_(@_)">
                  <c:v>44.05</c:v>
                </c:pt>
                <c:pt idx="640" formatCode="_(* #,##0.00_);_(* \(#,##0.00\);_(* &quot;-&quot;??_);_(@_)">
                  <c:v>44.05</c:v>
                </c:pt>
                <c:pt idx="641" formatCode="_(* #,##0.00_);_(* \(#,##0.00\);_(* &quot;-&quot;??_);_(@_)">
                  <c:v>44.05</c:v>
                </c:pt>
                <c:pt idx="642" formatCode="_(* #,##0.00_);_(* \(#,##0.00\);_(* &quot;-&quot;??_);_(@_)">
                  <c:v>44.05</c:v>
                </c:pt>
                <c:pt idx="643" formatCode="_(* #,##0.00_);_(* \(#,##0.00\);_(* &quot;-&quot;??_);_(@_)">
                  <c:v>44.05</c:v>
                </c:pt>
                <c:pt idx="644" formatCode="_(* #,##0.00_);_(* \(#,##0.00\);_(* &quot;-&quot;??_);_(@_)">
                  <c:v>44.05</c:v>
                </c:pt>
                <c:pt idx="645" formatCode="_(* #,##0.00_);_(* \(#,##0.00\);_(* &quot;-&quot;??_);_(@_)">
                  <c:v>44.05</c:v>
                </c:pt>
                <c:pt idx="646" formatCode="_(* #,##0.00_);_(* \(#,##0.00\);_(* &quot;-&quot;??_);_(@_)">
                  <c:v>44.05</c:v>
                </c:pt>
                <c:pt idx="647" formatCode="_(* #,##0.00_);_(* \(#,##0.00\);_(* &quot;-&quot;??_);_(@_)">
                  <c:v>44.05</c:v>
                </c:pt>
                <c:pt idx="648" formatCode="_(* #,##0.00_);_(* \(#,##0.00\);_(* &quot;-&quot;??_);_(@_)">
                  <c:v>44.05</c:v>
                </c:pt>
                <c:pt idx="649" formatCode="_(* #,##0.00_);_(* \(#,##0.00\);_(* &quot;-&quot;??_);_(@_)">
                  <c:v>44.05</c:v>
                </c:pt>
                <c:pt idx="650" formatCode="_(* #,##0.00_);_(* \(#,##0.00\);_(* &quot;-&quot;??_);_(@_)">
                  <c:v>44.05</c:v>
                </c:pt>
                <c:pt idx="651" formatCode="_(* #,##0.00_);_(* \(#,##0.00\);_(* &quot;-&quot;??_);_(@_)">
                  <c:v>44.05</c:v>
                </c:pt>
                <c:pt idx="652" formatCode="_(* #,##0.00_);_(* \(#,##0.00\);_(* &quot;-&quot;??_);_(@_)">
                  <c:v>44.05</c:v>
                </c:pt>
                <c:pt idx="653" formatCode="_(* #,##0.00_);_(* \(#,##0.00\);_(* &quot;-&quot;??_);_(@_)">
                  <c:v>44.05</c:v>
                </c:pt>
                <c:pt idx="654" formatCode="_(* #,##0.00_);_(* \(#,##0.00\);_(* &quot;-&quot;??_);_(@_)">
                  <c:v>44.05</c:v>
                </c:pt>
                <c:pt idx="655" formatCode="_(* #,##0.00_);_(* \(#,##0.00\);_(* &quot;-&quot;??_);_(@_)">
                  <c:v>44.05</c:v>
                </c:pt>
                <c:pt idx="656" formatCode="_(* #,##0.00_);_(* \(#,##0.00\);_(* &quot;-&quot;??_);_(@_)">
                  <c:v>44.05</c:v>
                </c:pt>
                <c:pt idx="657" formatCode="_(* #,##0.00_);_(* \(#,##0.00\);_(* &quot;-&quot;??_);_(@_)">
                  <c:v>44.05</c:v>
                </c:pt>
                <c:pt idx="658" formatCode="_(* #,##0.00_);_(* \(#,##0.00\);_(* &quot;-&quot;??_);_(@_)">
                  <c:v>44.05</c:v>
                </c:pt>
                <c:pt idx="659" formatCode="_(* #,##0.00_);_(* \(#,##0.00\);_(* &quot;-&quot;??_);_(@_)">
                  <c:v>44.05</c:v>
                </c:pt>
                <c:pt idx="660" formatCode="_(* #,##0.00_);_(* \(#,##0.00\);_(* &quot;-&quot;??_);_(@_)">
                  <c:v>44.05</c:v>
                </c:pt>
                <c:pt idx="661" formatCode="_(* #,##0.00_);_(* \(#,##0.00\);_(* &quot;-&quot;??_);_(@_)">
                  <c:v>44.05</c:v>
                </c:pt>
                <c:pt idx="662" formatCode="_(* #,##0.00_);_(* \(#,##0.00\);_(* &quot;-&quot;??_);_(@_)">
                  <c:v>44.05</c:v>
                </c:pt>
                <c:pt idx="663" formatCode="_(* #,##0.00_);_(* \(#,##0.00\);_(* &quot;-&quot;??_);_(@_)">
                  <c:v>44.05</c:v>
                </c:pt>
                <c:pt idx="664" formatCode="_(* #,##0.00_);_(* \(#,##0.00\);_(* &quot;-&quot;??_);_(@_)">
                  <c:v>44.05</c:v>
                </c:pt>
                <c:pt idx="665" formatCode="_(* #,##0.00_);_(* \(#,##0.00\);_(* &quot;-&quot;??_);_(@_)">
                  <c:v>44.05</c:v>
                </c:pt>
                <c:pt idx="666" formatCode="_(* #,##0.00_);_(* \(#,##0.00\);_(* &quot;-&quot;??_);_(@_)">
                  <c:v>44.05</c:v>
                </c:pt>
                <c:pt idx="667" formatCode="_(* #,##0.00_);_(* \(#,##0.00\);_(* &quot;-&quot;??_);_(@_)">
                  <c:v>44.05</c:v>
                </c:pt>
                <c:pt idx="668" formatCode="_(* #,##0.00_);_(* \(#,##0.00\);_(* &quot;-&quot;??_);_(@_)">
                  <c:v>44.05</c:v>
                </c:pt>
                <c:pt idx="669" formatCode="_(* #,##0.00_);_(* \(#,##0.00\);_(* &quot;-&quot;??_);_(@_)">
                  <c:v>44.05</c:v>
                </c:pt>
                <c:pt idx="670" formatCode="_(* #,##0.00_);_(* \(#,##0.00\);_(* &quot;-&quot;??_);_(@_)">
                  <c:v>44.05</c:v>
                </c:pt>
                <c:pt idx="671" formatCode="_(* #,##0.00_);_(* \(#,##0.00\);_(* &quot;-&quot;??_);_(@_)">
                  <c:v>44.05</c:v>
                </c:pt>
                <c:pt idx="672" formatCode="_(* #,##0.00_);_(* \(#,##0.00\);_(* &quot;-&quot;??_);_(@_)">
                  <c:v>44.05</c:v>
                </c:pt>
                <c:pt idx="673" formatCode="_(* #,##0.00_);_(* \(#,##0.00\);_(* &quot;-&quot;??_);_(@_)">
                  <c:v>44.05</c:v>
                </c:pt>
                <c:pt idx="674" formatCode="_(* #,##0.00_);_(* \(#,##0.00\);_(* &quot;-&quot;??_);_(@_)">
                  <c:v>44.05</c:v>
                </c:pt>
                <c:pt idx="675" formatCode="_(* #,##0.00_);_(* \(#,##0.00\);_(* &quot;-&quot;??_);_(@_)">
                  <c:v>44.05</c:v>
                </c:pt>
                <c:pt idx="676" formatCode="_(* #,##0.00_);_(* \(#,##0.00\);_(* &quot;-&quot;??_);_(@_)">
                  <c:v>44.05</c:v>
                </c:pt>
                <c:pt idx="677" formatCode="_(* #,##0.00_);_(* \(#,##0.00\);_(* &quot;-&quot;??_);_(@_)">
                  <c:v>44.05</c:v>
                </c:pt>
                <c:pt idx="678" formatCode="_(* #,##0.00_);_(* \(#,##0.00\);_(* &quot;-&quot;??_);_(@_)">
                  <c:v>44.05</c:v>
                </c:pt>
                <c:pt idx="679" formatCode="_(* #,##0.00_);_(* \(#,##0.00\);_(* &quot;-&quot;??_);_(@_)">
                  <c:v>44.05</c:v>
                </c:pt>
                <c:pt idx="680" formatCode="_(* #,##0.00_);_(* \(#,##0.00\);_(* &quot;-&quot;??_);_(@_)">
                  <c:v>44.05</c:v>
                </c:pt>
                <c:pt idx="681" formatCode="_(* #,##0.00_);_(* \(#,##0.00\);_(* &quot;-&quot;??_);_(@_)">
                  <c:v>44.05</c:v>
                </c:pt>
                <c:pt idx="682" formatCode="_(* #,##0.00_);_(* \(#,##0.00\);_(* &quot;-&quot;??_);_(@_)">
                  <c:v>44.05</c:v>
                </c:pt>
                <c:pt idx="683" formatCode="_(* #,##0.00_);_(* \(#,##0.00\);_(* &quot;-&quot;??_);_(@_)">
                  <c:v>44.05</c:v>
                </c:pt>
                <c:pt idx="684" formatCode="_(* #,##0.00_);_(* \(#,##0.00\);_(* &quot;-&quot;??_);_(@_)">
                  <c:v>44.05</c:v>
                </c:pt>
                <c:pt idx="685" formatCode="_(* #,##0.00_);_(* \(#,##0.00\);_(* &quot;-&quot;??_);_(@_)">
                  <c:v>44.05</c:v>
                </c:pt>
                <c:pt idx="686" formatCode="_(* #,##0.00_);_(* \(#,##0.00\);_(* &quot;-&quot;??_);_(@_)">
                  <c:v>44.05</c:v>
                </c:pt>
                <c:pt idx="687" formatCode="_(* #,##0.00_);_(* \(#,##0.00\);_(* &quot;-&quot;??_);_(@_)">
                  <c:v>44.05</c:v>
                </c:pt>
                <c:pt idx="688" formatCode="_(* #,##0.00_);_(* \(#,##0.00\);_(* &quot;-&quot;??_);_(@_)">
                  <c:v>44.05</c:v>
                </c:pt>
                <c:pt idx="689" formatCode="_(* #,##0.00_);_(* \(#,##0.00\);_(* &quot;-&quot;??_);_(@_)">
                  <c:v>44.05</c:v>
                </c:pt>
                <c:pt idx="690" formatCode="_(* #,##0.00_);_(* \(#,##0.00\);_(* &quot;-&quot;??_);_(@_)">
                  <c:v>44.05</c:v>
                </c:pt>
                <c:pt idx="691" formatCode="_(* #,##0.00_);_(* \(#,##0.00\);_(* &quot;-&quot;??_);_(@_)">
                  <c:v>44.05</c:v>
                </c:pt>
                <c:pt idx="692" formatCode="_(* #,##0.00_);_(* \(#,##0.00\);_(* &quot;-&quot;??_);_(@_)">
                  <c:v>44.05</c:v>
                </c:pt>
                <c:pt idx="693" formatCode="_(* #,##0.00_);_(* \(#,##0.00\);_(* &quot;-&quot;??_);_(@_)">
                  <c:v>44.05</c:v>
                </c:pt>
                <c:pt idx="694" formatCode="_(* #,##0.00_);_(* \(#,##0.00\);_(* &quot;-&quot;??_);_(@_)">
                  <c:v>44.05</c:v>
                </c:pt>
                <c:pt idx="695" formatCode="_(* #,##0.00_);_(* \(#,##0.00\);_(* &quot;-&quot;??_);_(@_)">
                  <c:v>44.05</c:v>
                </c:pt>
                <c:pt idx="696" formatCode="_(* #,##0.00_);_(* \(#,##0.00\);_(* &quot;-&quot;??_);_(@_)">
                  <c:v>44.05</c:v>
                </c:pt>
                <c:pt idx="697" formatCode="_(* #,##0.00_);_(* \(#,##0.00\);_(* &quot;-&quot;??_);_(@_)">
                  <c:v>44.05</c:v>
                </c:pt>
                <c:pt idx="698" formatCode="_(* #,##0.00_);_(* \(#,##0.00\);_(* &quot;-&quot;??_);_(@_)">
                  <c:v>44.05</c:v>
                </c:pt>
                <c:pt idx="699" formatCode="_(* #,##0.00_);_(* \(#,##0.00\);_(* &quot;-&quot;??_);_(@_)">
                  <c:v>44.05</c:v>
                </c:pt>
                <c:pt idx="700" formatCode="_(* #,##0.00_);_(* \(#,##0.00\);_(* &quot;-&quot;??_);_(@_)">
                  <c:v>44.05</c:v>
                </c:pt>
                <c:pt idx="701" formatCode="_(* #,##0.00_);_(* \(#,##0.00\);_(* &quot;-&quot;??_);_(@_)">
                  <c:v>44.05</c:v>
                </c:pt>
                <c:pt idx="702" formatCode="_(* #,##0.00_);_(* \(#,##0.00\);_(* &quot;-&quot;??_);_(@_)">
                  <c:v>44.05</c:v>
                </c:pt>
                <c:pt idx="703" formatCode="_(* #,##0.00_);_(* \(#,##0.00\);_(* &quot;-&quot;??_);_(@_)">
                  <c:v>44.05</c:v>
                </c:pt>
                <c:pt idx="704" formatCode="_(* #,##0.00_);_(* \(#,##0.00\);_(* &quot;-&quot;??_);_(@_)">
                  <c:v>44.05</c:v>
                </c:pt>
                <c:pt idx="705" formatCode="_(* #,##0.00_);_(* \(#,##0.00\);_(* &quot;-&quot;??_);_(@_)">
                  <c:v>44.05</c:v>
                </c:pt>
                <c:pt idx="706" formatCode="_(* #,##0.00_);_(* \(#,##0.00\);_(* &quot;-&quot;??_);_(@_)">
                  <c:v>44.05</c:v>
                </c:pt>
                <c:pt idx="707" formatCode="_(* #,##0.00_);_(* \(#,##0.00\);_(* &quot;-&quot;??_);_(@_)">
                  <c:v>44.05</c:v>
                </c:pt>
                <c:pt idx="708" formatCode="_(* #,##0.00_);_(* \(#,##0.00\);_(* &quot;-&quot;??_);_(@_)">
                  <c:v>44.05</c:v>
                </c:pt>
                <c:pt idx="709" formatCode="_(* #,##0.00_);_(* \(#,##0.00\);_(* &quot;-&quot;??_);_(@_)">
                  <c:v>44.05</c:v>
                </c:pt>
                <c:pt idx="710" formatCode="_(* #,##0.00_);_(* \(#,##0.00\);_(* &quot;-&quot;??_);_(@_)">
                  <c:v>44.05</c:v>
                </c:pt>
                <c:pt idx="711" formatCode="_(* #,##0.00_);_(* \(#,##0.00\);_(* &quot;-&quot;??_);_(@_)">
                  <c:v>44.05</c:v>
                </c:pt>
                <c:pt idx="712" formatCode="_(* #,##0.00_);_(* \(#,##0.00\);_(* &quot;-&quot;??_);_(@_)">
                  <c:v>44.05</c:v>
                </c:pt>
                <c:pt idx="713" formatCode="_(* #,##0.00_);_(* \(#,##0.00\);_(* &quot;-&quot;??_);_(@_)">
                  <c:v>44.05</c:v>
                </c:pt>
                <c:pt idx="714" formatCode="_(* #,##0.00_);_(* \(#,##0.00\);_(* &quot;-&quot;??_);_(@_)">
                  <c:v>44.05</c:v>
                </c:pt>
                <c:pt idx="715" formatCode="_(* #,##0.00_);_(* \(#,##0.00\);_(* &quot;-&quot;??_);_(@_)">
                  <c:v>44.05</c:v>
                </c:pt>
                <c:pt idx="716" formatCode="_(* #,##0.00_);_(* \(#,##0.00\);_(* &quot;-&quot;??_);_(@_)">
                  <c:v>44.05</c:v>
                </c:pt>
                <c:pt idx="717" formatCode="_(* #,##0.00_);_(* \(#,##0.00\);_(* &quot;-&quot;??_);_(@_)">
                  <c:v>44.05</c:v>
                </c:pt>
                <c:pt idx="718" formatCode="_(* #,##0.00_);_(* \(#,##0.00\);_(* &quot;-&quot;??_);_(@_)">
                  <c:v>44.05</c:v>
                </c:pt>
                <c:pt idx="719" formatCode="_(* #,##0.00_);_(* \(#,##0.00\);_(* &quot;-&quot;??_);_(@_)">
                  <c:v>44.05</c:v>
                </c:pt>
                <c:pt idx="720" formatCode="_(* #,##0.00_);_(* \(#,##0.00\);_(* &quot;-&quot;??_);_(@_)">
                  <c:v>44.05</c:v>
                </c:pt>
                <c:pt idx="721" formatCode="_(* #,##0.00_);_(* \(#,##0.00\);_(* &quot;-&quot;??_);_(@_)">
                  <c:v>44.05</c:v>
                </c:pt>
                <c:pt idx="722" formatCode="_(* #,##0.00_);_(* \(#,##0.00\);_(* &quot;-&quot;??_);_(@_)">
                  <c:v>44.05</c:v>
                </c:pt>
                <c:pt idx="723" formatCode="_(* #,##0.00_);_(* \(#,##0.00\);_(* &quot;-&quot;??_);_(@_)">
                  <c:v>44.05</c:v>
                </c:pt>
                <c:pt idx="724" formatCode="_(* #,##0.00_);_(* \(#,##0.00\);_(* &quot;-&quot;??_);_(@_)">
                  <c:v>44.05</c:v>
                </c:pt>
                <c:pt idx="725" formatCode="_(* #,##0.00_);_(* \(#,##0.00\);_(* &quot;-&quot;??_);_(@_)">
                  <c:v>44.05</c:v>
                </c:pt>
                <c:pt idx="726" formatCode="_(* #,##0.00_);_(* \(#,##0.00\);_(* &quot;-&quot;??_);_(@_)">
                  <c:v>44.05</c:v>
                </c:pt>
                <c:pt idx="727" formatCode="_(* #,##0.00_);_(* \(#,##0.00\);_(* &quot;-&quot;??_);_(@_)">
                  <c:v>44.05</c:v>
                </c:pt>
                <c:pt idx="728" formatCode="_(* #,##0.00_);_(* \(#,##0.00\);_(* &quot;-&quot;??_);_(@_)">
                  <c:v>44.05</c:v>
                </c:pt>
                <c:pt idx="729" formatCode="_(* #,##0.00_);_(* \(#,##0.00\);_(* &quot;-&quot;??_);_(@_)">
                  <c:v>44.05</c:v>
                </c:pt>
                <c:pt idx="730" formatCode="_(* #,##0.00_);_(* \(#,##0.00\);_(* &quot;-&quot;??_);_(@_)">
                  <c:v>44.05</c:v>
                </c:pt>
                <c:pt idx="731" formatCode="_(* #,##0.00_);_(* \(#,##0.00\);_(* &quot;-&quot;??_);_(@_)">
                  <c:v>44.05</c:v>
                </c:pt>
                <c:pt idx="732" formatCode="_(* #,##0.00_);_(* \(#,##0.00\);_(* &quot;-&quot;??_);_(@_)">
                  <c:v>44.05</c:v>
                </c:pt>
                <c:pt idx="733" formatCode="_(* #,##0.00_);_(* \(#,##0.00\);_(* &quot;-&quot;??_);_(@_)">
                  <c:v>44.05</c:v>
                </c:pt>
                <c:pt idx="734" formatCode="_(* #,##0.00_);_(* \(#,##0.00\);_(* &quot;-&quot;??_);_(@_)">
                  <c:v>44.05</c:v>
                </c:pt>
                <c:pt idx="735" formatCode="_(* #,##0.00_);_(* \(#,##0.00\);_(* &quot;-&quot;??_);_(@_)">
                  <c:v>44.05</c:v>
                </c:pt>
                <c:pt idx="736" formatCode="_(* #,##0.00_);_(* \(#,##0.00\);_(* &quot;-&quot;??_);_(@_)">
                  <c:v>44.05</c:v>
                </c:pt>
                <c:pt idx="737" formatCode="_(* #,##0.00_);_(* \(#,##0.00\);_(* &quot;-&quot;??_);_(@_)">
                  <c:v>44.05</c:v>
                </c:pt>
                <c:pt idx="738" formatCode="_(* #,##0.00_);_(* \(#,##0.00\);_(* &quot;-&quot;??_);_(@_)">
                  <c:v>44.05</c:v>
                </c:pt>
                <c:pt idx="739" formatCode="_(* #,##0.00_);_(* \(#,##0.00\);_(* &quot;-&quot;??_);_(@_)">
                  <c:v>44.05</c:v>
                </c:pt>
                <c:pt idx="740" formatCode="_(* #,##0.00_);_(* \(#,##0.00\);_(* &quot;-&quot;??_);_(@_)">
                  <c:v>44.05</c:v>
                </c:pt>
                <c:pt idx="741" formatCode="_(* #,##0.00_);_(* \(#,##0.00\);_(* &quot;-&quot;??_);_(@_)">
                  <c:v>44.05</c:v>
                </c:pt>
                <c:pt idx="742" formatCode="_(* #,##0.00_);_(* \(#,##0.00\);_(* &quot;-&quot;??_);_(@_)">
                  <c:v>44.05</c:v>
                </c:pt>
                <c:pt idx="743" formatCode="_(* #,##0.00_);_(* \(#,##0.00\);_(* &quot;-&quot;??_);_(@_)">
                  <c:v>44.05</c:v>
                </c:pt>
                <c:pt idx="744" formatCode="_(* #,##0.00_);_(* \(#,##0.00\);_(* &quot;-&quot;??_);_(@_)">
                  <c:v>44.05</c:v>
                </c:pt>
                <c:pt idx="745" formatCode="_(* #,##0.00_);_(* \(#,##0.00\);_(* &quot;-&quot;??_);_(@_)">
                  <c:v>44.05</c:v>
                </c:pt>
                <c:pt idx="746" formatCode="_(* #,##0.00_);_(* \(#,##0.00\);_(* &quot;-&quot;??_);_(@_)">
                  <c:v>44.05</c:v>
                </c:pt>
                <c:pt idx="747" formatCode="_(* #,##0.00_);_(* \(#,##0.00\);_(* &quot;-&quot;??_);_(@_)">
                  <c:v>44.05</c:v>
                </c:pt>
                <c:pt idx="748" formatCode="_(* #,##0.00_);_(* \(#,##0.00\);_(* &quot;-&quot;??_);_(@_)">
                  <c:v>44.05</c:v>
                </c:pt>
                <c:pt idx="749" formatCode="_(* #,##0.00_);_(* \(#,##0.00\);_(* &quot;-&quot;??_);_(@_)">
                  <c:v>44.05</c:v>
                </c:pt>
                <c:pt idx="750" formatCode="_(* #,##0.00_);_(* \(#,##0.00\);_(* &quot;-&quot;??_);_(@_)">
                  <c:v>44.05</c:v>
                </c:pt>
                <c:pt idx="751" formatCode="_(* #,##0.00_);_(* \(#,##0.00\);_(* &quot;-&quot;??_);_(@_)">
                  <c:v>44.05</c:v>
                </c:pt>
                <c:pt idx="752" formatCode="_(* #,##0.00_);_(* \(#,##0.00\);_(* &quot;-&quot;??_);_(@_)">
                  <c:v>44.05</c:v>
                </c:pt>
                <c:pt idx="753" formatCode="_(* #,##0.00_);_(* \(#,##0.00\);_(* &quot;-&quot;??_);_(@_)">
                  <c:v>44.05</c:v>
                </c:pt>
                <c:pt idx="754" formatCode="_(* #,##0.00_);_(* \(#,##0.00\);_(* &quot;-&quot;??_);_(@_)">
                  <c:v>44.05</c:v>
                </c:pt>
                <c:pt idx="755" formatCode="_(* #,##0.00_);_(* \(#,##0.00\);_(* &quot;-&quot;??_);_(@_)">
                  <c:v>44.05</c:v>
                </c:pt>
                <c:pt idx="756" formatCode="_(* #,##0.00_);_(* \(#,##0.00\);_(* &quot;-&quot;??_);_(@_)">
                  <c:v>44.05</c:v>
                </c:pt>
                <c:pt idx="757" formatCode="_(* #,##0.00_);_(* \(#,##0.00\);_(* &quot;-&quot;??_);_(@_)">
                  <c:v>44.05</c:v>
                </c:pt>
                <c:pt idx="758" formatCode="_(* #,##0.00_);_(* \(#,##0.00\);_(* &quot;-&quot;??_);_(@_)">
                  <c:v>44.05</c:v>
                </c:pt>
                <c:pt idx="759" formatCode="_(* #,##0.00_);_(* \(#,##0.00\);_(* &quot;-&quot;??_);_(@_)">
                  <c:v>44.05</c:v>
                </c:pt>
                <c:pt idx="760" formatCode="_(* #,##0.00_);_(* \(#,##0.00\);_(* &quot;-&quot;??_);_(@_)">
                  <c:v>44.05</c:v>
                </c:pt>
                <c:pt idx="761" formatCode="_(* #,##0.00_);_(* \(#,##0.00\);_(* &quot;-&quot;??_);_(@_)">
                  <c:v>44.05</c:v>
                </c:pt>
                <c:pt idx="762" formatCode="_(* #,##0.00_);_(* \(#,##0.00\);_(* &quot;-&quot;??_);_(@_)">
                  <c:v>44.05</c:v>
                </c:pt>
                <c:pt idx="763" formatCode="_(* #,##0.00_);_(* \(#,##0.00\);_(* &quot;-&quot;??_);_(@_)">
                  <c:v>44.05</c:v>
                </c:pt>
                <c:pt idx="764" formatCode="_(* #,##0.00_);_(* \(#,##0.00\);_(* &quot;-&quot;??_);_(@_)">
                  <c:v>44.05</c:v>
                </c:pt>
                <c:pt idx="765" formatCode="_(* #,##0.00_);_(* \(#,##0.00\);_(* &quot;-&quot;??_);_(@_)">
                  <c:v>44.05</c:v>
                </c:pt>
                <c:pt idx="766" formatCode="_(* #,##0.00_);_(* \(#,##0.00\);_(* &quot;-&quot;??_);_(@_)">
                  <c:v>44.05</c:v>
                </c:pt>
                <c:pt idx="767" formatCode="_(* #,##0.00_);_(* \(#,##0.00\);_(* &quot;-&quot;??_);_(@_)">
                  <c:v>44.05</c:v>
                </c:pt>
                <c:pt idx="768" formatCode="_(* #,##0.00_);_(* \(#,##0.00\);_(* &quot;-&quot;??_);_(@_)">
                  <c:v>44.05</c:v>
                </c:pt>
                <c:pt idx="769" formatCode="_(* #,##0.00_);_(* \(#,##0.00\);_(* &quot;-&quot;??_);_(@_)">
                  <c:v>44.05</c:v>
                </c:pt>
                <c:pt idx="770" formatCode="_(* #,##0.00_);_(* \(#,##0.00\);_(* &quot;-&quot;??_);_(@_)">
                  <c:v>44.05</c:v>
                </c:pt>
                <c:pt idx="771" formatCode="_(* #,##0.00_);_(* \(#,##0.00\);_(* &quot;-&quot;??_);_(@_)">
                  <c:v>44.05</c:v>
                </c:pt>
                <c:pt idx="772" formatCode="_(* #,##0.00_);_(* \(#,##0.00\);_(* &quot;-&quot;??_);_(@_)">
                  <c:v>44.05</c:v>
                </c:pt>
                <c:pt idx="773" formatCode="_(* #,##0.00_);_(* \(#,##0.00\);_(* &quot;-&quot;??_);_(@_)">
                  <c:v>44.05</c:v>
                </c:pt>
                <c:pt idx="774" formatCode="_(* #,##0.00_);_(* \(#,##0.00\);_(* &quot;-&quot;??_);_(@_)">
                  <c:v>44.05</c:v>
                </c:pt>
                <c:pt idx="775" formatCode="_(* #,##0.00_);_(* \(#,##0.00\);_(* &quot;-&quot;??_);_(@_)">
                  <c:v>44.05</c:v>
                </c:pt>
                <c:pt idx="776" formatCode="_(* #,##0.00_);_(* \(#,##0.00\);_(* &quot;-&quot;??_);_(@_)">
                  <c:v>44.05</c:v>
                </c:pt>
                <c:pt idx="777" formatCode="_(* #,##0.00_);_(* \(#,##0.00\);_(* &quot;-&quot;??_);_(@_)">
                  <c:v>44.05</c:v>
                </c:pt>
                <c:pt idx="778" formatCode="_(* #,##0.00_);_(* \(#,##0.00\);_(* &quot;-&quot;??_);_(@_)">
                  <c:v>44.05</c:v>
                </c:pt>
                <c:pt idx="779" formatCode="_(* #,##0.00_);_(* \(#,##0.00\);_(* &quot;-&quot;??_);_(@_)">
                  <c:v>54.39</c:v>
                </c:pt>
                <c:pt idx="780" formatCode="_(* #,##0.00_);_(* \(#,##0.00\);_(* &quot;-&quot;??_);_(@_)">
                  <c:v>54.39</c:v>
                </c:pt>
                <c:pt idx="781" formatCode="_(* #,##0.00_);_(* \(#,##0.00\);_(* &quot;-&quot;??_);_(@_)">
                  <c:v>54.39</c:v>
                </c:pt>
                <c:pt idx="782" formatCode="_(* #,##0.00_);_(* \(#,##0.00\);_(* &quot;-&quot;??_);_(@_)">
                  <c:v>54.39</c:v>
                </c:pt>
                <c:pt idx="783" formatCode="_(* #,##0.00_);_(* \(#,##0.00\);_(* &quot;-&quot;??_);_(@_)">
                  <c:v>54.39</c:v>
                </c:pt>
                <c:pt idx="784" formatCode="_(* #,##0.00_);_(* \(#,##0.00\);_(* &quot;-&quot;??_);_(@_)">
                  <c:v>54.39</c:v>
                </c:pt>
                <c:pt idx="785" formatCode="_(* #,##0.00_);_(* \(#,##0.00\);_(* &quot;-&quot;??_);_(@_)">
                  <c:v>54.39</c:v>
                </c:pt>
                <c:pt idx="786" formatCode="_(* #,##0.00_);_(* \(#,##0.00\);_(* &quot;-&quot;??_);_(@_)">
                  <c:v>54.39</c:v>
                </c:pt>
                <c:pt idx="787" formatCode="_(* #,##0.00_);_(* \(#,##0.00\);_(* &quot;-&quot;??_);_(@_)">
                  <c:v>54.39</c:v>
                </c:pt>
                <c:pt idx="788" formatCode="_(* #,##0.00_);_(* \(#,##0.00\);_(* &quot;-&quot;??_);_(@_)">
                  <c:v>54.39</c:v>
                </c:pt>
                <c:pt idx="789" formatCode="_(* #,##0.00_);_(* \(#,##0.00\);_(* &quot;-&quot;??_);_(@_)">
                  <c:v>54.39</c:v>
                </c:pt>
                <c:pt idx="790" formatCode="_(* #,##0.00_);_(* \(#,##0.00\);_(* &quot;-&quot;??_);_(@_)">
                  <c:v>54.39</c:v>
                </c:pt>
                <c:pt idx="791" formatCode="_(* #,##0.00_);_(* \(#,##0.00\);_(* &quot;-&quot;??_);_(@_)">
                  <c:v>54.39</c:v>
                </c:pt>
                <c:pt idx="792" formatCode="_(* #,##0.00_);_(* \(#,##0.00\);_(* &quot;-&quot;??_);_(@_)">
                  <c:v>54.39</c:v>
                </c:pt>
                <c:pt idx="793" formatCode="_(* #,##0.00_);_(* \(#,##0.00\);_(* &quot;-&quot;??_);_(@_)">
                  <c:v>54.39</c:v>
                </c:pt>
                <c:pt idx="794" formatCode="_(* #,##0.00_);_(* \(#,##0.00\);_(* &quot;-&quot;??_);_(@_)">
                  <c:v>54.39</c:v>
                </c:pt>
                <c:pt idx="795" formatCode="_(* #,##0.00_);_(* \(#,##0.00\);_(* &quot;-&quot;??_);_(@_)">
                  <c:v>54.39</c:v>
                </c:pt>
                <c:pt idx="796" formatCode="_(* #,##0.00_);_(* \(#,##0.00\);_(* &quot;-&quot;??_);_(@_)">
                  <c:v>54.39</c:v>
                </c:pt>
                <c:pt idx="797" formatCode="_(* #,##0.00_);_(* \(#,##0.00\);_(* &quot;-&quot;??_);_(@_)">
                  <c:v>54.39</c:v>
                </c:pt>
                <c:pt idx="798" formatCode="_(* #,##0.00_);_(* \(#,##0.00\);_(* &quot;-&quot;??_);_(@_)">
                  <c:v>54.39</c:v>
                </c:pt>
                <c:pt idx="799" formatCode="_(* #,##0.00_);_(* \(#,##0.00\);_(* &quot;-&quot;??_);_(@_)">
                  <c:v>54.39</c:v>
                </c:pt>
                <c:pt idx="800" formatCode="_(* #,##0.00_);_(* \(#,##0.00\);_(* &quot;-&quot;??_);_(@_)">
                  <c:v>54.39</c:v>
                </c:pt>
                <c:pt idx="801" formatCode="_(* #,##0.00_);_(* \(#,##0.00\);_(* &quot;-&quot;??_);_(@_)">
                  <c:v>54.39</c:v>
                </c:pt>
                <c:pt idx="802" formatCode="_(* #,##0.00_);_(* \(#,##0.00\);_(* &quot;-&quot;??_);_(@_)">
                  <c:v>54.39</c:v>
                </c:pt>
                <c:pt idx="803" formatCode="_(* #,##0.00_);_(* \(#,##0.00\);_(* &quot;-&quot;??_);_(@_)">
                  <c:v>54.39</c:v>
                </c:pt>
                <c:pt idx="804" formatCode="_(* #,##0.00_);_(* \(#,##0.00\);_(* &quot;-&quot;??_);_(@_)">
                  <c:v>54.39</c:v>
                </c:pt>
                <c:pt idx="805" formatCode="_(* #,##0.00_);_(* \(#,##0.00\);_(* &quot;-&quot;??_);_(@_)">
                  <c:v>54.39</c:v>
                </c:pt>
                <c:pt idx="806" formatCode="_(* #,##0.00_);_(* \(#,##0.00\);_(* &quot;-&quot;??_);_(@_)">
                  <c:v>54.39</c:v>
                </c:pt>
                <c:pt idx="807" formatCode="_(* #,##0.00_);_(* \(#,##0.00\);_(* &quot;-&quot;??_);_(@_)">
                  <c:v>54.39</c:v>
                </c:pt>
                <c:pt idx="808" formatCode="_(* #,##0.00_);_(* \(#,##0.00\);_(* &quot;-&quot;??_);_(@_)">
                  <c:v>54.39</c:v>
                </c:pt>
                <c:pt idx="809" formatCode="_(* #,##0.00_);_(* \(#,##0.00\);_(* &quot;-&quot;??_);_(@_)">
                  <c:v>54.39</c:v>
                </c:pt>
                <c:pt idx="810" formatCode="_(* #,##0.00_);_(* \(#,##0.00\);_(* &quot;-&quot;??_);_(@_)">
                  <c:v>54.39</c:v>
                </c:pt>
                <c:pt idx="811" formatCode="_(* #,##0.00_);_(* \(#,##0.00\);_(* &quot;-&quot;??_);_(@_)">
                  <c:v>54.39</c:v>
                </c:pt>
                <c:pt idx="812" formatCode="_(* #,##0.00_);_(* \(#,##0.00\);_(* &quot;-&quot;??_);_(@_)">
                  <c:v>54.39</c:v>
                </c:pt>
                <c:pt idx="813" formatCode="_(* #,##0.00_);_(* \(#,##0.00\);_(* &quot;-&quot;??_);_(@_)">
                  <c:v>54.39</c:v>
                </c:pt>
                <c:pt idx="814" formatCode="_(* #,##0.00_);_(* \(#,##0.00\);_(* &quot;-&quot;??_);_(@_)">
                  <c:v>54.39</c:v>
                </c:pt>
                <c:pt idx="815" formatCode="_(* #,##0.00_);_(* \(#,##0.00\);_(* &quot;-&quot;??_);_(@_)">
                  <c:v>54.39</c:v>
                </c:pt>
                <c:pt idx="816" formatCode="_(* #,##0.00_);_(* \(#,##0.00\);_(* &quot;-&quot;??_);_(@_)">
                  <c:v>54.39</c:v>
                </c:pt>
                <c:pt idx="817" formatCode="_(* #,##0.00_);_(* \(#,##0.00\);_(* &quot;-&quot;??_);_(@_)">
                  <c:v>54.39</c:v>
                </c:pt>
                <c:pt idx="818" formatCode="_(* #,##0.00_);_(* \(#,##0.00\);_(* &quot;-&quot;??_);_(@_)">
                  <c:v>54.39</c:v>
                </c:pt>
                <c:pt idx="819" formatCode="_(* #,##0.00_);_(* \(#,##0.00\);_(* &quot;-&quot;??_);_(@_)">
                  <c:v>54.39</c:v>
                </c:pt>
                <c:pt idx="820" formatCode="_(* #,##0.00_);_(* \(#,##0.00\);_(* &quot;-&quot;??_);_(@_)">
                  <c:v>54.39</c:v>
                </c:pt>
                <c:pt idx="821" formatCode="_(* #,##0.00_);_(* \(#,##0.00\);_(* &quot;-&quot;??_);_(@_)">
                  <c:v>54.39</c:v>
                </c:pt>
                <c:pt idx="822" formatCode="_(* #,##0.00_);_(* \(#,##0.00\);_(* &quot;-&quot;??_);_(@_)">
                  <c:v>54.39</c:v>
                </c:pt>
                <c:pt idx="823" formatCode="_(* #,##0.00_);_(* \(#,##0.00\);_(* &quot;-&quot;??_);_(@_)">
                  <c:v>54.39</c:v>
                </c:pt>
                <c:pt idx="824" formatCode="_(* #,##0.00_);_(* \(#,##0.00\);_(* &quot;-&quot;??_);_(@_)">
                  <c:v>54.39</c:v>
                </c:pt>
                <c:pt idx="825" formatCode="_(* #,##0.00_);_(* \(#,##0.00\);_(* &quot;-&quot;??_);_(@_)">
                  <c:v>54.39</c:v>
                </c:pt>
                <c:pt idx="826" formatCode="_(* #,##0.00_);_(* \(#,##0.00\);_(* &quot;-&quot;??_);_(@_)">
                  <c:v>54.39</c:v>
                </c:pt>
                <c:pt idx="827" formatCode="_(* #,##0.00_);_(* \(#,##0.00\);_(* &quot;-&quot;??_);_(@_)">
                  <c:v>54.39</c:v>
                </c:pt>
                <c:pt idx="828" formatCode="_(* #,##0.00_);_(* \(#,##0.00\);_(* &quot;-&quot;??_);_(@_)">
                  <c:v>54.39</c:v>
                </c:pt>
                <c:pt idx="829" formatCode="_(* #,##0.00_);_(* \(#,##0.00\);_(* &quot;-&quot;??_);_(@_)">
                  <c:v>54.39</c:v>
                </c:pt>
                <c:pt idx="830" formatCode="_(* #,##0.00_);_(* \(#,##0.00\);_(* &quot;-&quot;??_);_(@_)">
                  <c:v>54.39</c:v>
                </c:pt>
                <c:pt idx="831" formatCode="_(* #,##0.00_);_(* \(#,##0.00\);_(* &quot;-&quot;??_);_(@_)">
                  <c:v>54.39</c:v>
                </c:pt>
                <c:pt idx="832" formatCode="_(* #,##0.00_);_(* \(#,##0.00\);_(* &quot;-&quot;??_);_(@_)">
                  <c:v>54.39</c:v>
                </c:pt>
                <c:pt idx="833" formatCode="_(* #,##0.00_);_(* \(#,##0.00\);_(* &quot;-&quot;??_);_(@_)">
                  <c:v>54.39</c:v>
                </c:pt>
                <c:pt idx="834" formatCode="_(* #,##0.00_);_(* \(#,##0.00\);_(* &quot;-&quot;??_);_(@_)">
                  <c:v>54.39</c:v>
                </c:pt>
                <c:pt idx="835" formatCode="_(* #,##0.00_);_(* \(#,##0.00\);_(* &quot;-&quot;??_);_(@_)">
                  <c:v>54.39</c:v>
                </c:pt>
                <c:pt idx="836" formatCode="_(* #,##0.00_);_(* \(#,##0.00\);_(* &quot;-&quot;??_);_(@_)">
                  <c:v>54.39</c:v>
                </c:pt>
                <c:pt idx="837" formatCode="_(* #,##0.00_);_(* \(#,##0.00\);_(* &quot;-&quot;??_);_(@_)">
                  <c:v>54.39</c:v>
                </c:pt>
                <c:pt idx="838" formatCode="_(* #,##0.00_);_(* \(#,##0.00\);_(* &quot;-&quot;??_);_(@_)">
                  <c:v>54.39</c:v>
                </c:pt>
                <c:pt idx="839" formatCode="_(* #,##0.00_);_(* \(#,##0.00\);_(* &quot;-&quot;??_);_(@_)">
                  <c:v>54.39</c:v>
                </c:pt>
                <c:pt idx="840" formatCode="_(* #,##0.00_);_(* \(#,##0.00\);_(* &quot;-&quot;??_);_(@_)">
                  <c:v>54.39</c:v>
                </c:pt>
                <c:pt idx="841" formatCode="_(* #,##0.00_);_(* \(#,##0.00\);_(* &quot;-&quot;??_);_(@_)">
                  <c:v>54.39</c:v>
                </c:pt>
                <c:pt idx="842" formatCode="_(* #,##0.00_);_(* \(#,##0.00\);_(* &quot;-&quot;??_);_(@_)">
                  <c:v>54.39</c:v>
                </c:pt>
                <c:pt idx="843" formatCode="_(* #,##0.00_);_(* \(#,##0.00\);_(* &quot;-&quot;??_);_(@_)">
                  <c:v>54.39</c:v>
                </c:pt>
                <c:pt idx="844" formatCode="_(* #,##0.00_);_(* \(#,##0.00\);_(* &quot;-&quot;??_);_(@_)">
                  <c:v>54.39</c:v>
                </c:pt>
                <c:pt idx="845" formatCode="_(* #,##0.00_);_(* \(#,##0.00\);_(* &quot;-&quot;??_);_(@_)">
                  <c:v>54.39</c:v>
                </c:pt>
                <c:pt idx="846" formatCode="_(* #,##0.00_);_(* \(#,##0.00\);_(* &quot;-&quot;??_);_(@_)">
                  <c:v>54.39</c:v>
                </c:pt>
                <c:pt idx="847" formatCode="_(* #,##0.00_);_(* \(#,##0.00\);_(* &quot;-&quot;??_);_(@_)">
                  <c:v>54.39</c:v>
                </c:pt>
                <c:pt idx="848" formatCode="_(* #,##0.00_);_(* \(#,##0.00\);_(* &quot;-&quot;??_);_(@_)">
                  <c:v>54.39</c:v>
                </c:pt>
                <c:pt idx="849" formatCode="_(* #,##0.00_);_(* \(#,##0.00\);_(* &quot;-&quot;??_);_(@_)">
                  <c:v>54.39</c:v>
                </c:pt>
                <c:pt idx="850" formatCode="_(* #,##0.00_);_(* \(#,##0.00\);_(* &quot;-&quot;??_);_(@_)">
                  <c:v>54.39</c:v>
                </c:pt>
                <c:pt idx="851" formatCode="_(* #,##0.00_);_(* \(#,##0.00\);_(* &quot;-&quot;??_);_(@_)">
                  <c:v>54.39</c:v>
                </c:pt>
                <c:pt idx="852" formatCode="_(* #,##0.00_);_(* \(#,##0.00\);_(* &quot;-&quot;??_);_(@_)">
                  <c:v>54.39</c:v>
                </c:pt>
                <c:pt idx="853" formatCode="_(* #,##0.00_);_(* \(#,##0.00\);_(* &quot;-&quot;??_);_(@_)">
                  <c:v>54.39</c:v>
                </c:pt>
                <c:pt idx="854" formatCode="_(* #,##0.00_);_(* \(#,##0.00\);_(* &quot;-&quot;??_);_(@_)">
                  <c:v>54.39</c:v>
                </c:pt>
                <c:pt idx="855" formatCode="_(* #,##0.00_);_(* \(#,##0.00\);_(* &quot;-&quot;??_);_(@_)">
                  <c:v>54.39</c:v>
                </c:pt>
                <c:pt idx="856" formatCode="_(* #,##0.00_);_(* \(#,##0.00\);_(* &quot;-&quot;??_);_(@_)">
                  <c:v>54.39</c:v>
                </c:pt>
                <c:pt idx="857" formatCode="_(* #,##0.00_);_(* \(#,##0.00\);_(* &quot;-&quot;??_);_(@_)">
                  <c:v>54.39</c:v>
                </c:pt>
                <c:pt idx="858" formatCode="_(* #,##0.00_);_(* \(#,##0.00\);_(* &quot;-&quot;??_);_(@_)">
                  <c:v>54.39</c:v>
                </c:pt>
                <c:pt idx="859" formatCode="_(* #,##0.00_);_(* \(#,##0.00\);_(* &quot;-&quot;??_);_(@_)">
                  <c:v>54.39</c:v>
                </c:pt>
                <c:pt idx="860" formatCode="_(* #,##0.00_);_(* \(#,##0.00\);_(* &quot;-&quot;??_);_(@_)">
                  <c:v>54.39</c:v>
                </c:pt>
                <c:pt idx="861" formatCode="_(* #,##0.00_);_(* \(#,##0.00\);_(* &quot;-&quot;??_);_(@_)">
                  <c:v>54.39</c:v>
                </c:pt>
                <c:pt idx="862" formatCode="_(* #,##0.00_);_(* \(#,##0.00\);_(* &quot;-&quot;??_);_(@_)">
                  <c:v>54.39</c:v>
                </c:pt>
                <c:pt idx="863" formatCode="_(* #,##0.00_);_(* \(#,##0.00\);_(* &quot;-&quot;??_);_(@_)">
                  <c:v>54.39</c:v>
                </c:pt>
                <c:pt idx="864" formatCode="_(* #,##0.00_);_(* \(#,##0.00\);_(* &quot;-&quot;??_);_(@_)">
                  <c:v>54.39</c:v>
                </c:pt>
                <c:pt idx="865" formatCode="_(* #,##0.00_);_(* \(#,##0.00\);_(* &quot;-&quot;??_);_(@_)">
                  <c:v>54.39</c:v>
                </c:pt>
                <c:pt idx="866" formatCode="_(* #,##0.00_);_(* \(#,##0.00\);_(* &quot;-&quot;??_);_(@_)">
                  <c:v>54.39</c:v>
                </c:pt>
                <c:pt idx="867" formatCode="_(* #,##0.00_);_(* \(#,##0.00\);_(* &quot;-&quot;??_);_(@_)">
                  <c:v>54.39</c:v>
                </c:pt>
                <c:pt idx="868" formatCode="_(* #,##0.00_);_(* \(#,##0.00\);_(* &quot;-&quot;??_);_(@_)">
                  <c:v>54.39</c:v>
                </c:pt>
                <c:pt idx="869" formatCode="_(* #,##0.00_);_(* \(#,##0.00\);_(* &quot;-&quot;??_);_(@_)">
                  <c:v>54.39</c:v>
                </c:pt>
                <c:pt idx="870" formatCode="_(* #,##0.00_);_(* \(#,##0.00\);_(* &quot;-&quot;??_);_(@_)">
                  <c:v>54.39</c:v>
                </c:pt>
                <c:pt idx="871" formatCode="_(* #,##0.00_);_(* \(#,##0.00\);_(* &quot;-&quot;??_);_(@_)">
                  <c:v>54.39</c:v>
                </c:pt>
                <c:pt idx="872" formatCode="_(* #,##0.00_);_(* \(#,##0.00\);_(* &quot;-&quot;??_);_(@_)">
                  <c:v>54.39</c:v>
                </c:pt>
                <c:pt idx="873" formatCode="_(* #,##0.00_);_(* \(#,##0.00\);_(* &quot;-&quot;??_);_(@_)">
                  <c:v>54.39</c:v>
                </c:pt>
                <c:pt idx="874" formatCode="_(* #,##0.00_);_(* \(#,##0.00\);_(* &quot;-&quot;??_);_(@_)">
                  <c:v>54.39</c:v>
                </c:pt>
                <c:pt idx="875" formatCode="_(* #,##0.00_);_(* \(#,##0.00\);_(* &quot;-&quot;??_);_(@_)">
                  <c:v>54.39</c:v>
                </c:pt>
                <c:pt idx="876" formatCode="_(* #,##0.00_);_(* \(#,##0.00\);_(* &quot;-&quot;??_);_(@_)">
                  <c:v>54.39</c:v>
                </c:pt>
                <c:pt idx="877" formatCode="_(* #,##0.00_);_(* \(#,##0.00\);_(* &quot;-&quot;??_);_(@_)">
                  <c:v>54.39</c:v>
                </c:pt>
                <c:pt idx="878" formatCode="_(* #,##0.00_);_(* \(#,##0.00\);_(* &quot;-&quot;??_);_(@_)">
                  <c:v>54.39</c:v>
                </c:pt>
                <c:pt idx="879" formatCode="_(* #,##0.00_);_(* \(#,##0.00\);_(* &quot;-&quot;??_);_(@_)">
                  <c:v>54.39</c:v>
                </c:pt>
                <c:pt idx="880" formatCode="_(* #,##0.00_);_(* \(#,##0.00\);_(* &quot;-&quot;??_);_(@_)">
                  <c:v>54.39</c:v>
                </c:pt>
                <c:pt idx="881" formatCode="_(* #,##0.00_);_(* \(#,##0.00\);_(* &quot;-&quot;??_);_(@_)">
                  <c:v>54.39</c:v>
                </c:pt>
                <c:pt idx="882" formatCode="_(* #,##0.00_);_(* \(#,##0.00\);_(* &quot;-&quot;??_);_(@_)">
                  <c:v>54.39</c:v>
                </c:pt>
                <c:pt idx="883" formatCode="_(* #,##0.00_);_(* \(#,##0.00\);_(* &quot;-&quot;??_);_(@_)">
                  <c:v>54.39</c:v>
                </c:pt>
                <c:pt idx="884" formatCode="_(* #,##0.00_);_(* \(#,##0.00\);_(* &quot;-&quot;??_);_(@_)">
                  <c:v>54.39</c:v>
                </c:pt>
                <c:pt idx="885" formatCode="_(* #,##0.00_);_(* \(#,##0.00\);_(* &quot;-&quot;??_);_(@_)">
                  <c:v>54.39</c:v>
                </c:pt>
                <c:pt idx="886" formatCode="_(* #,##0.00_);_(* \(#,##0.00\);_(* &quot;-&quot;??_);_(@_)">
                  <c:v>54.39</c:v>
                </c:pt>
                <c:pt idx="887" formatCode="_(* #,##0.00_);_(* \(#,##0.00\);_(* &quot;-&quot;??_);_(@_)">
                  <c:v>54.39</c:v>
                </c:pt>
                <c:pt idx="888" formatCode="_(* #,##0.00_);_(* \(#,##0.00\);_(* &quot;-&quot;??_);_(@_)">
                  <c:v>54.39</c:v>
                </c:pt>
                <c:pt idx="889" formatCode="_(* #,##0.00_);_(* \(#,##0.00\);_(* &quot;-&quot;??_);_(@_)">
                  <c:v>54.39</c:v>
                </c:pt>
                <c:pt idx="890" formatCode="_(* #,##0.00_);_(* \(#,##0.00\);_(* &quot;-&quot;??_);_(@_)">
                  <c:v>54.39</c:v>
                </c:pt>
                <c:pt idx="891" formatCode="_(* #,##0.00_);_(* \(#,##0.00\);_(* &quot;-&quot;??_);_(@_)">
                  <c:v>54.39</c:v>
                </c:pt>
                <c:pt idx="892" formatCode="_(* #,##0.00_);_(* \(#,##0.00\);_(* &quot;-&quot;??_);_(@_)">
                  <c:v>54.39</c:v>
                </c:pt>
                <c:pt idx="893" formatCode="_(* #,##0.00_);_(* \(#,##0.00\);_(* &quot;-&quot;??_);_(@_)">
                  <c:v>54.39</c:v>
                </c:pt>
                <c:pt idx="894" formatCode="_(* #,##0.00_);_(* \(#,##0.00\);_(* &quot;-&quot;??_);_(@_)">
                  <c:v>54.39</c:v>
                </c:pt>
                <c:pt idx="895" formatCode="_(* #,##0.00_);_(* \(#,##0.00\);_(* &quot;-&quot;??_);_(@_)">
                  <c:v>54.39</c:v>
                </c:pt>
                <c:pt idx="896" formatCode="_(* #,##0.00_);_(* \(#,##0.00\);_(* &quot;-&quot;??_);_(@_)">
                  <c:v>54.39</c:v>
                </c:pt>
                <c:pt idx="897" formatCode="_(* #,##0.00_);_(* \(#,##0.00\);_(* &quot;-&quot;??_);_(@_)">
                  <c:v>54.39</c:v>
                </c:pt>
                <c:pt idx="898" formatCode="_(* #,##0.00_);_(* \(#,##0.00\);_(* &quot;-&quot;??_);_(@_)">
                  <c:v>54.39</c:v>
                </c:pt>
                <c:pt idx="899" formatCode="_(* #,##0.00_);_(* \(#,##0.00\);_(* &quot;-&quot;??_);_(@_)">
                  <c:v>54.39</c:v>
                </c:pt>
                <c:pt idx="900" formatCode="_(* #,##0.00_);_(* \(#,##0.00\);_(* &quot;-&quot;??_);_(@_)">
                  <c:v>54.39</c:v>
                </c:pt>
                <c:pt idx="901" formatCode="_(* #,##0.00_);_(* \(#,##0.00\);_(* &quot;-&quot;??_);_(@_)">
                  <c:v>54.39</c:v>
                </c:pt>
                <c:pt idx="902" formatCode="_(* #,##0.00_);_(* \(#,##0.00\);_(* &quot;-&quot;??_);_(@_)">
                  <c:v>54.39</c:v>
                </c:pt>
                <c:pt idx="903" formatCode="_(* #,##0.00_);_(* \(#,##0.00\);_(* &quot;-&quot;??_);_(@_)">
                  <c:v>54.39</c:v>
                </c:pt>
                <c:pt idx="904" formatCode="_(* #,##0.00_);_(* \(#,##0.00\);_(* &quot;-&quot;??_);_(@_)">
                  <c:v>54.39</c:v>
                </c:pt>
                <c:pt idx="905" formatCode="_(* #,##0.00_);_(* \(#,##0.00\);_(* &quot;-&quot;??_);_(@_)">
                  <c:v>54.39</c:v>
                </c:pt>
                <c:pt idx="906" formatCode="_(* #,##0.00_);_(* \(#,##0.00\);_(* &quot;-&quot;??_);_(@_)">
                  <c:v>54.39</c:v>
                </c:pt>
                <c:pt idx="907" formatCode="_(* #,##0.00_);_(* \(#,##0.00\);_(* &quot;-&quot;??_);_(@_)">
                  <c:v>54.39</c:v>
                </c:pt>
                <c:pt idx="908" formatCode="_(* #,##0.00_);_(* \(#,##0.00\);_(* &quot;-&quot;??_);_(@_)">
                  <c:v>54.39</c:v>
                </c:pt>
                <c:pt idx="909" formatCode="_(* #,##0.00_);_(* \(#,##0.00\);_(* &quot;-&quot;??_);_(@_)">
                  <c:v>54.39</c:v>
                </c:pt>
                <c:pt idx="910" formatCode="_(* #,##0.00_);_(* \(#,##0.00\);_(* &quot;-&quot;??_);_(@_)">
                  <c:v>54.39</c:v>
                </c:pt>
                <c:pt idx="911" formatCode="_(* #,##0.00_);_(* \(#,##0.00\);_(* &quot;-&quot;??_);_(@_)">
                  <c:v>54.39</c:v>
                </c:pt>
                <c:pt idx="912" formatCode="_(* #,##0.00_);_(* \(#,##0.00\);_(* &quot;-&quot;??_);_(@_)">
                  <c:v>54.39</c:v>
                </c:pt>
                <c:pt idx="913" formatCode="_(* #,##0.00_);_(* \(#,##0.00\);_(* &quot;-&quot;??_);_(@_)">
                  <c:v>54.39</c:v>
                </c:pt>
                <c:pt idx="914" formatCode="_(* #,##0.00_);_(* \(#,##0.00\);_(* &quot;-&quot;??_);_(@_)">
                  <c:v>54.39</c:v>
                </c:pt>
                <c:pt idx="915" formatCode="_(* #,##0.00_);_(* \(#,##0.00\);_(* &quot;-&quot;??_);_(@_)">
                  <c:v>54.39</c:v>
                </c:pt>
                <c:pt idx="916" formatCode="_(* #,##0.00_);_(* \(#,##0.00\);_(* &quot;-&quot;??_);_(@_)">
                  <c:v>54.39</c:v>
                </c:pt>
                <c:pt idx="917" formatCode="_(* #,##0.00_);_(* \(#,##0.00\);_(* &quot;-&quot;??_);_(@_)">
                  <c:v>54.39</c:v>
                </c:pt>
                <c:pt idx="918" formatCode="_(* #,##0.00_);_(* \(#,##0.00\);_(* &quot;-&quot;??_);_(@_)">
                  <c:v>54.39</c:v>
                </c:pt>
                <c:pt idx="919" formatCode="_(* #,##0.00_);_(* \(#,##0.00\);_(* &quot;-&quot;??_);_(@_)">
                  <c:v>54.39</c:v>
                </c:pt>
                <c:pt idx="920" formatCode="_(* #,##0.00_);_(* \(#,##0.00\);_(* &quot;-&quot;??_);_(@_)">
                  <c:v>54.39</c:v>
                </c:pt>
                <c:pt idx="921" formatCode="_(* #,##0.00_);_(* \(#,##0.00\);_(* &quot;-&quot;??_);_(@_)">
                  <c:v>54.39</c:v>
                </c:pt>
                <c:pt idx="922" formatCode="_(* #,##0.00_);_(* \(#,##0.00\);_(* &quot;-&quot;??_);_(@_)">
                  <c:v>54.39</c:v>
                </c:pt>
                <c:pt idx="923" formatCode="_(* #,##0.00_);_(* \(#,##0.00\);_(* &quot;-&quot;??_);_(@_)">
                  <c:v>54.39</c:v>
                </c:pt>
                <c:pt idx="924" formatCode="_(* #,##0.00_);_(* \(#,##0.00\);_(* &quot;-&quot;??_);_(@_)">
                  <c:v>54.39</c:v>
                </c:pt>
                <c:pt idx="925" formatCode="_(* #,##0.00_);_(* \(#,##0.00\);_(* &quot;-&quot;??_);_(@_)">
                  <c:v>54.39</c:v>
                </c:pt>
                <c:pt idx="926" formatCode="_(* #,##0.00_);_(* \(#,##0.00\);_(* &quot;-&quot;??_);_(@_)">
                  <c:v>54.39</c:v>
                </c:pt>
                <c:pt idx="927" formatCode="_(* #,##0.00_);_(* \(#,##0.00\);_(* &quot;-&quot;??_);_(@_)">
                  <c:v>54.39</c:v>
                </c:pt>
                <c:pt idx="928" formatCode="_(* #,##0.00_);_(* \(#,##0.00\);_(* &quot;-&quot;??_);_(@_)">
                  <c:v>54.39</c:v>
                </c:pt>
                <c:pt idx="929" formatCode="_(* #,##0.00_);_(* \(#,##0.00\);_(* &quot;-&quot;??_);_(@_)">
                  <c:v>54.39</c:v>
                </c:pt>
                <c:pt idx="930" formatCode="_(* #,##0.00_);_(* \(#,##0.00\);_(* &quot;-&quot;??_);_(@_)">
                  <c:v>54.39</c:v>
                </c:pt>
                <c:pt idx="931" formatCode="_(* #,##0.00_);_(* \(#,##0.00\);_(* &quot;-&quot;??_);_(@_)">
                  <c:v>54.39</c:v>
                </c:pt>
                <c:pt idx="932" formatCode="_(* #,##0.00_);_(* \(#,##0.00\);_(* &quot;-&quot;??_);_(@_)">
                  <c:v>54.39</c:v>
                </c:pt>
                <c:pt idx="933" formatCode="_(* #,##0.00_);_(* \(#,##0.00\);_(* &quot;-&quot;??_);_(@_)">
                  <c:v>54.39</c:v>
                </c:pt>
                <c:pt idx="934" formatCode="_(* #,##0.00_);_(* \(#,##0.00\);_(* &quot;-&quot;??_);_(@_)">
                  <c:v>54.39</c:v>
                </c:pt>
                <c:pt idx="935" formatCode="_(* #,##0.00_);_(* \(#,##0.00\);_(* &quot;-&quot;??_);_(@_)">
                  <c:v>54.39</c:v>
                </c:pt>
                <c:pt idx="936" formatCode="_(* #,##0.00_);_(* \(#,##0.00\);_(* &quot;-&quot;??_);_(@_)">
                  <c:v>54.39</c:v>
                </c:pt>
                <c:pt idx="937" formatCode="_(* #,##0.00_);_(* \(#,##0.00\);_(* &quot;-&quot;??_);_(@_)">
                  <c:v>54.39</c:v>
                </c:pt>
                <c:pt idx="938" formatCode="_(* #,##0.00_);_(* \(#,##0.00\);_(* &quot;-&quot;??_);_(@_)">
                  <c:v>54.39</c:v>
                </c:pt>
                <c:pt idx="939" formatCode="_(* #,##0.00_);_(* \(#,##0.00\);_(* &quot;-&quot;??_);_(@_)">
                  <c:v>54.39</c:v>
                </c:pt>
                <c:pt idx="940" formatCode="_(* #,##0.00_);_(* \(#,##0.00\);_(* &quot;-&quot;??_);_(@_)">
                  <c:v>54.39</c:v>
                </c:pt>
                <c:pt idx="941" formatCode="_(* #,##0.00_);_(* \(#,##0.00\);_(* &quot;-&quot;??_);_(@_)">
                  <c:v>54.39</c:v>
                </c:pt>
                <c:pt idx="942" formatCode="_(* #,##0.00_);_(* \(#,##0.00\);_(* &quot;-&quot;??_);_(@_)">
                  <c:v>54.39</c:v>
                </c:pt>
                <c:pt idx="943" formatCode="_(* #,##0.00_);_(* \(#,##0.00\);_(* &quot;-&quot;??_);_(@_)">
                  <c:v>54.39</c:v>
                </c:pt>
                <c:pt idx="944" formatCode="_(* #,##0.00_);_(* \(#,##0.00\);_(* &quot;-&quot;??_);_(@_)">
                  <c:v>54.39</c:v>
                </c:pt>
                <c:pt idx="945" formatCode="_(* #,##0.00_);_(* \(#,##0.00\);_(* &quot;-&quot;??_);_(@_)">
                  <c:v>54.39</c:v>
                </c:pt>
                <c:pt idx="946" formatCode="_(* #,##0.00_);_(* \(#,##0.00\);_(* &quot;-&quot;??_);_(@_)">
                  <c:v>54.39</c:v>
                </c:pt>
                <c:pt idx="947" formatCode="_(* #,##0.00_);_(* \(#,##0.00\);_(* &quot;-&quot;??_);_(@_)">
                  <c:v>54.39</c:v>
                </c:pt>
                <c:pt idx="948" formatCode="_(* #,##0.00_);_(* \(#,##0.00\);_(* &quot;-&quot;??_);_(@_)">
                  <c:v>54.39</c:v>
                </c:pt>
                <c:pt idx="949" formatCode="_(* #,##0.00_);_(* \(#,##0.00\);_(* &quot;-&quot;??_);_(@_)">
                  <c:v>54.39</c:v>
                </c:pt>
                <c:pt idx="950" formatCode="_(* #,##0.00_);_(* \(#,##0.00\);_(* &quot;-&quot;??_);_(@_)">
                  <c:v>54.39</c:v>
                </c:pt>
                <c:pt idx="951" formatCode="_(* #,##0.00_);_(* \(#,##0.00\);_(* &quot;-&quot;??_);_(@_)">
                  <c:v>54.39</c:v>
                </c:pt>
                <c:pt idx="952" formatCode="_(* #,##0.00_);_(* \(#,##0.00\);_(* &quot;-&quot;??_);_(@_)">
                  <c:v>54.39</c:v>
                </c:pt>
                <c:pt idx="953" formatCode="_(* #,##0.00_);_(* \(#,##0.00\);_(* &quot;-&quot;??_);_(@_)">
                  <c:v>54.39</c:v>
                </c:pt>
                <c:pt idx="954" formatCode="_(* #,##0.00_);_(* \(#,##0.00\);_(* &quot;-&quot;??_);_(@_)">
                  <c:v>54.39</c:v>
                </c:pt>
                <c:pt idx="955" formatCode="_(* #,##0.00_);_(* \(#,##0.00\);_(* &quot;-&quot;??_);_(@_)">
                  <c:v>54.39</c:v>
                </c:pt>
                <c:pt idx="956" formatCode="_(* #,##0.00_);_(* \(#,##0.00\);_(* &quot;-&quot;??_);_(@_)">
                  <c:v>54.39</c:v>
                </c:pt>
                <c:pt idx="957" formatCode="_(* #,##0.00_);_(* \(#,##0.00\);_(* &quot;-&quot;??_);_(@_)">
                  <c:v>54.39</c:v>
                </c:pt>
                <c:pt idx="958" formatCode="_(* #,##0.00_);_(* \(#,##0.00\);_(* &quot;-&quot;??_);_(@_)">
                  <c:v>54.39</c:v>
                </c:pt>
                <c:pt idx="959" formatCode="_(* #,##0.00_);_(* \(#,##0.00\);_(* &quot;-&quot;??_);_(@_)">
                  <c:v>54.39</c:v>
                </c:pt>
                <c:pt idx="960" formatCode="_(* #,##0.00_);_(* \(#,##0.00\);_(* &quot;-&quot;??_);_(@_)">
                  <c:v>54.39</c:v>
                </c:pt>
                <c:pt idx="961" formatCode="_(* #,##0.00_);_(* \(#,##0.00\);_(* &quot;-&quot;??_);_(@_)">
                  <c:v>54.39</c:v>
                </c:pt>
                <c:pt idx="962" formatCode="_(* #,##0.00_);_(* \(#,##0.00\);_(* &quot;-&quot;??_);_(@_)">
                  <c:v>54.39</c:v>
                </c:pt>
                <c:pt idx="963" formatCode="_(* #,##0.00_);_(* \(#,##0.00\);_(* &quot;-&quot;??_);_(@_)">
                  <c:v>54.39</c:v>
                </c:pt>
                <c:pt idx="964" formatCode="_(* #,##0.00_);_(* \(#,##0.00\);_(* &quot;-&quot;??_);_(@_)">
                  <c:v>54.39</c:v>
                </c:pt>
                <c:pt idx="965" formatCode="_(* #,##0.00_);_(* \(#,##0.00\);_(* &quot;-&quot;??_);_(@_)">
                  <c:v>54.39</c:v>
                </c:pt>
                <c:pt idx="966" formatCode="_(* #,##0.00_);_(* \(#,##0.00\);_(* &quot;-&quot;??_);_(@_)">
                  <c:v>54.39</c:v>
                </c:pt>
                <c:pt idx="967" formatCode="_(* #,##0.00_);_(* \(#,##0.00\);_(* &quot;-&quot;??_);_(@_)">
                  <c:v>54.39</c:v>
                </c:pt>
                <c:pt idx="968" formatCode="_(* #,##0.00_);_(* \(#,##0.00\);_(* &quot;-&quot;??_);_(@_)">
                  <c:v>54.39</c:v>
                </c:pt>
                <c:pt idx="969" formatCode="_(* #,##0.00_);_(* \(#,##0.00\);_(* &quot;-&quot;??_);_(@_)">
                  <c:v>54.39</c:v>
                </c:pt>
                <c:pt idx="970" formatCode="_(* #,##0.00_);_(* \(#,##0.00\);_(* &quot;-&quot;??_);_(@_)">
                  <c:v>54.39</c:v>
                </c:pt>
                <c:pt idx="971" formatCode="_(* #,##0.00_);_(* \(#,##0.00\);_(* &quot;-&quot;??_);_(@_)">
                  <c:v>54.39</c:v>
                </c:pt>
                <c:pt idx="972" formatCode="_(* #,##0.00_);_(* \(#,##0.00\);_(* &quot;-&quot;??_);_(@_)">
                  <c:v>54.39</c:v>
                </c:pt>
                <c:pt idx="973" formatCode="_(* #,##0.00_);_(* \(#,##0.00\);_(* &quot;-&quot;??_);_(@_)">
                  <c:v>54.39</c:v>
                </c:pt>
                <c:pt idx="974" formatCode="_(* #,##0.00_);_(* \(#,##0.00\);_(* &quot;-&quot;??_);_(@_)">
                  <c:v>54.39</c:v>
                </c:pt>
                <c:pt idx="975" formatCode="_(* #,##0.00_);_(* \(#,##0.00\);_(* &quot;-&quot;??_);_(@_)">
                  <c:v>54.39</c:v>
                </c:pt>
                <c:pt idx="976" formatCode="_(* #,##0.00_);_(* \(#,##0.00\);_(* &quot;-&quot;??_);_(@_)">
                  <c:v>54.39</c:v>
                </c:pt>
                <c:pt idx="977" formatCode="_(* #,##0.00_);_(* \(#,##0.00\);_(* &quot;-&quot;??_);_(@_)">
                  <c:v>54.39</c:v>
                </c:pt>
                <c:pt idx="978" formatCode="_(* #,##0.00_);_(* \(#,##0.00\);_(* &quot;-&quot;??_);_(@_)">
                  <c:v>54.39</c:v>
                </c:pt>
                <c:pt idx="979" formatCode="_(* #,##0.00_);_(* \(#,##0.00\);_(* &quot;-&quot;??_);_(@_)">
                  <c:v>54.39</c:v>
                </c:pt>
                <c:pt idx="980" formatCode="_(* #,##0.00_);_(* \(#,##0.00\);_(* &quot;-&quot;??_);_(@_)">
                  <c:v>54.39</c:v>
                </c:pt>
                <c:pt idx="981" formatCode="_(* #,##0.00_);_(* \(#,##0.00\);_(* &quot;-&quot;??_);_(@_)">
                  <c:v>54.39</c:v>
                </c:pt>
                <c:pt idx="982" formatCode="_(* #,##0.00_);_(* \(#,##0.00\);_(* &quot;-&quot;??_);_(@_)">
                  <c:v>54.39</c:v>
                </c:pt>
                <c:pt idx="983" formatCode="_(* #,##0.00_);_(* \(#,##0.00\);_(* &quot;-&quot;??_);_(@_)">
                  <c:v>54.39</c:v>
                </c:pt>
                <c:pt idx="984" formatCode="_(* #,##0.00_);_(* \(#,##0.00\);_(* &quot;-&quot;??_);_(@_)">
                  <c:v>54.39</c:v>
                </c:pt>
                <c:pt idx="985" formatCode="_(* #,##0.00_);_(* \(#,##0.00\);_(* &quot;-&quot;??_);_(@_)">
                  <c:v>54.39</c:v>
                </c:pt>
                <c:pt idx="986" formatCode="_(* #,##0.00_);_(* \(#,##0.00\);_(* &quot;-&quot;??_);_(@_)">
                  <c:v>54.39</c:v>
                </c:pt>
                <c:pt idx="987" formatCode="_(* #,##0.00_);_(* \(#,##0.00\);_(* &quot;-&quot;??_);_(@_)">
                  <c:v>54.39</c:v>
                </c:pt>
                <c:pt idx="988" formatCode="_(* #,##0.00_);_(* \(#,##0.00\);_(* &quot;-&quot;??_);_(@_)">
                  <c:v>54.39</c:v>
                </c:pt>
                <c:pt idx="989" formatCode="_(* #,##0.00_);_(* \(#,##0.00\);_(* &quot;-&quot;??_);_(@_)">
                  <c:v>54.39</c:v>
                </c:pt>
                <c:pt idx="990" formatCode="_(* #,##0.00_);_(* \(#,##0.00\);_(* &quot;-&quot;??_);_(@_)">
                  <c:v>54.39</c:v>
                </c:pt>
                <c:pt idx="991" formatCode="_(* #,##0.00_);_(* \(#,##0.00\);_(* &quot;-&quot;??_);_(@_)">
                  <c:v>54.39</c:v>
                </c:pt>
                <c:pt idx="992" formatCode="_(* #,##0.00_);_(* \(#,##0.00\);_(* &quot;-&quot;??_);_(@_)">
                  <c:v>54.39</c:v>
                </c:pt>
                <c:pt idx="993" formatCode="_(* #,##0.00_);_(* \(#,##0.00\);_(* &quot;-&quot;??_);_(@_)">
                  <c:v>54.39</c:v>
                </c:pt>
                <c:pt idx="994" formatCode="_(* #,##0.00_);_(* \(#,##0.00\);_(* &quot;-&quot;??_);_(@_)">
                  <c:v>54.39</c:v>
                </c:pt>
                <c:pt idx="995" formatCode="_(* #,##0.00_);_(* \(#,##0.00\);_(* &quot;-&quot;??_);_(@_)">
                  <c:v>54.39</c:v>
                </c:pt>
                <c:pt idx="996" formatCode="_(* #,##0.00_);_(* \(#,##0.00\);_(* &quot;-&quot;??_);_(@_)">
                  <c:v>54.39</c:v>
                </c:pt>
                <c:pt idx="997" formatCode="_(* #,##0.00_);_(* \(#,##0.00\);_(* &quot;-&quot;??_);_(@_)">
                  <c:v>54.39</c:v>
                </c:pt>
                <c:pt idx="998" formatCode="_(* #,##0.00_);_(* \(#,##0.00\);_(* &quot;-&quot;??_);_(@_)">
                  <c:v>54.39</c:v>
                </c:pt>
                <c:pt idx="999" formatCode="_(* #,##0.00_);_(* \(#,##0.00\);_(* &quot;-&quot;??_);_(@_)">
                  <c:v>54.39</c:v>
                </c:pt>
                <c:pt idx="1000" formatCode="_(* #,##0.00_);_(* \(#,##0.00\);_(* &quot;-&quot;??_);_(@_)">
                  <c:v>54.39</c:v>
                </c:pt>
                <c:pt idx="1001" formatCode="_(* #,##0.00_);_(* \(#,##0.00\);_(* &quot;-&quot;??_);_(@_)">
                  <c:v>54.39</c:v>
                </c:pt>
                <c:pt idx="1002" formatCode="_(* #,##0.00_);_(* \(#,##0.00\);_(* &quot;-&quot;??_);_(@_)">
                  <c:v>54.39</c:v>
                </c:pt>
                <c:pt idx="1003" formatCode="_(* #,##0.00_);_(* \(#,##0.00\);_(* &quot;-&quot;??_);_(@_)">
                  <c:v>54.39</c:v>
                </c:pt>
                <c:pt idx="1004" formatCode="_(* #,##0.00_);_(* \(#,##0.00\);_(* &quot;-&quot;??_);_(@_)">
                  <c:v>54.39</c:v>
                </c:pt>
                <c:pt idx="1005" formatCode="_(* #,##0.00_);_(* \(#,##0.00\);_(* &quot;-&quot;??_);_(@_)">
                  <c:v>54.39</c:v>
                </c:pt>
                <c:pt idx="1006" formatCode="_(* #,##0.00_);_(* \(#,##0.00\);_(* &quot;-&quot;??_);_(@_)">
                  <c:v>54.39</c:v>
                </c:pt>
                <c:pt idx="1007" formatCode="_(* #,##0.00_);_(* \(#,##0.00\);_(* &quot;-&quot;??_);_(@_)">
                  <c:v>54.39</c:v>
                </c:pt>
                <c:pt idx="1008" formatCode="_(* #,##0.00_);_(* \(#,##0.00\);_(* &quot;-&quot;??_);_(@_)">
                  <c:v>54.39</c:v>
                </c:pt>
                <c:pt idx="1009" formatCode="_(* #,##0.00_);_(* \(#,##0.00\);_(* &quot;-&quot;??_);_(@_)">
                  <c:v>54.39</c:v>
                </c:pt>
                <c:pt idx="1010" formatCode="_(* #,##0.00_);_(* \(#,##0.00\);_(* &quot;-&quot;??_);_(@_)">
                  <c:v>54.39</c:v>
                </c:pt>
                <c:pt idx="1011" formatCode="_(* #,##0.00_);_(* \(#,##0.00\);_(* &quot;-&quot;??_);_(@_)">
                  <c:v>54.39</c:v>
                </c:pt>
                <c:pt idx="1012" formatCode="_(* #,##0.00_);_(* \(#,##0.00\);_(* &quot;-&quot;??_);_(@_)">
                  <c:v>54.39</c:v>
                </c:pt>
                <c:pt idx="1013" formatCode="_(* #,##0.00_);_(* \(#,##0.00\);_(* &quot;-&quot;??_);_(@_)">
                  <c:v>54.39</c:v>
                </c:pt>
                <c:pt idx="1014" formatCode="_(* #,##0.00_);_(* \(#,##0.00\);_(* &quot;-&quot;??_);_(@_)">
                  <c:v>54.39</c:v>
                </c:pt>
                <c:pt idx="1015" formatCode="_(* #,##0.00_);_(* \(#,##0.00\);_(* &quot;-&quot;??_);_(@_)">
                  <c:v>54.39</c:v>
                </c:pt>
                <c:pt idx="1016" formatCode="_(* #,##0.00_);_(* \(#,##0.00\);_(* &quot;-&quot;??_);_(@_)">
                  <c:v>54.39</c:v>
                </c:pt>
                <c:pt idx="1017" formatCode="_(* #,##0.00_);_(* \(#,##0.00\);_(* &quot;-&quot;??_);_(@_)">
                  <c:v>54.39</c:v>
                </c:pt>
                <c:pt idx="1018" formatCode="_(* #,##0.00_);_(* \(#,##0.00\);_(* &quot;-&quot;??_);_(@_)">
                  <c:v>54.39</c:v>
                </c:pt>
                <c:pt idx="1019" formatCode="_(* #,##0.00_);_(* \(#,##0.00\);_(* &quot;-&quot;??_);_(@_)">
                  <c:v>54.39</c:v>
                </c:pt>
                <c:pt idx="1020" formatCode="_(* #,##0.00_);_(* \(#,##0.00\);_(* &quot;-&quot;??_);_(@_)">
                  <c:v>54.39</c:v>
                </c:pt>
                <c:pt idx="1021" formatCode="_(* #,##0.00_);_(* \(#,##0.00\);_(* &quot;-&quot;??_);_(@_)">
                  <c:v>54.39</c:v>
                </c:pt>
                <c:pt idx="1022" formatCode="_(* #,##0.00_);_(* \(#,##0.00\);_(* &quot;-&quot;??_);_(@_)">
                  <c:v>54.39</c:v>
                </c:pt>
                <c:pt idx="1023" formatCode="_(* #,##0.00_);_(* \(#,##0.00\);_(* &quot;-&quot;??_);_(@_)">
                  <c:v>54.39</c:v>
                </c:pt>
                <c:pt idx="1024" formatCode="_(* #,##0.00_);_(* \(#,##0.00\);_(* &quot;-&quot;??_);_(@_)">
                  <c:v>54.39</c:v>
                </c:pt>
                <c:pt idx="1025" formatCode="_(* #,##0.00_);_(* \(#,##0.00\);_(* &quot;-&quot;??_);_(@_)">
                  <c:v>54.39</c:v>
                </c:pt>
                <c:pt idx="1026" formatCode="_(* #,##0.00_);_(* \(#,##0.00\);_(* &quot;-&quot;??_);_(@_)">
                  <c:v>54.39</c:v>
                </c:pt>
                <c:pt idx="1027" formatCode="_(* #,##0.00_);_(* \(#,##0.00\);_(* &quot;-&quot;??_);_(@_)">
                  <c:v>54.39</c:v>
                </c:pt>
                <c:pt idx="1028" formatCode="_(* #,##0.00_);_(* \(#,##0.00\);_(* &quot;-&quot;??_);_(@_)">
                  <c:v>54.39</c:v>
                </c:pt>
                <c:pt idx="1029" formatCode="_(* #,##0.00_);_(* \(#,##0.00\);_(* &quot;-&quot;??_);_(@_)">
                  <c:v>54.39</c:v>
                </c:pt>
                <c:pt idx="1030" formatCode="_(* #,##0.00_);_(* \(#,##0.00\);_(* &quot;-&quot;??_);_(@_)">
                  <c:v>54.39</c:v>
                </c:pt>
                <c:pt idx="1031" formatCode="_(* #,##0.00_);_(* \(#,##0.00\);_(* &quot;-&quot;??_);_(@_)">
                  <c:v>54.39</c:v>
                </c:pt>
                <c:pt idx="1032" formatCode="_(* #,##0.00_);_(* \(#,##0.00\);_(* &quot;-&quot;??_);_(@_)">
                  <c:v>54.39</c:v>
                </c:pt>
                <c:pt idx="1033" formatCode="_(* #,##0.00_);_(* \(#,##0.00\);_(* &quot;-&quot;??_);_(@_)">
                  <c:v>54.39</c:v>
                </c:pt>
                <c:pt idx="1034" formatCode="_(* #,##0.00_);_(* \(#,##0.00\);_(* &quot;-&quot;??_);_(@_)">
                  <c:v>54.39</c:v>
                </c:pt>
                <c:pt idx="1035" formatCode="_(* #,##0.00_);_(* \(#,##0.00\);_(* &quot;-&quot;??_);_(@_)">
                  <c:v>54.39</c:v>
                </c:pt>
                <c:pt idx="1036" formatCode="_(* #,##0.00_);_(* \(#,##0.00\);_(* &quot;-&quot;??_);_(@_)">
                  <c:v>54.39</c:v>
                </c:pt>
                <c:pt idx="1037" formatCode="_(* #,##0.00_);_(* \(#,##0.00\);_(* &quot;-&quot;??_);_(@_)">
                  <c:v>54.39</c:v>
                </c:pt>
              </c:numCache>
            </c:numRef>
          </c:val>
          <c:smooth val="0"/>
          <c:extLst>
            <c:ext xmlns:c16="http://schemas.microsoft.com/office/drawing/2014/chart" uri="{C3380CC4-5D6E-409C-BE32-E72D297353CC}">
              <c16:uniqueId val="{00000002-C40A-4D83-9266-A47BC7263932}"/>
            </c:ext>
          </c:extLst>
        </c:ser>
        <c:ser>
          <c:idx val="2"/>
          <c:order val="2"/>
          <c:tx>
            <c:strRef>
              <c:f>'1 spot crude'!$E$3</c:f>
              <c:strCache>
                <c:ptCount val="1"/>
                <c:pt idx="0">
                  <c:v>Baseline forecast</c:v>
                </c:pt>
              </c:strCache>
            </c:strRef>
          </c:tx>
          <c:spPr>
            <a:ln w="28575" cap="rnd">
              <a:solidFill>
                <a:schemeClr val="accent2"/>
              </a:solidFill>
              <a:prstDash val="sysDash"/>
              <a:round/>
            </a:ln>
            <a:effectLst/>
          </c:spPr>
          <c:marker>
            <c:symbol val="none"/>
          </c:marker>
          <c:cat>
            <c:numRef>
              <c:f>'1 spot crude'!$B$4:$B$1561</c:f>
              <c:numCache>
                <c:formatCode>dd/mm/yyyy</c:formatCode>
                <c:ptCount val="1558"/>
                <c:pt idx="0">
                  <c:v>41641</c:v>
                </c:pt>
                <c:pt idx="1">
                  <c:v>41642</c:v>
                </c:pt>
                <c:pt idx="2">
                  <c:v>41645</c:v>
                </c:pt>
                <c:pt idx="3">
                  <c:v>41646</c:v>
                </c:pt>
                <c:pt idx="4">
                  <c:v>41647</c:v>
                </c:pt>
                <c:pt idx="5">
                  <c:v>41648</c:v>
                </c:pt>
                <c:pt idx="6">
                  <c:v>41649</c:v>
                </c:pt>
                <c:pt idx="7">
                  <c:v>41652</c:v>
                </c:pt>
                <c:pt idx="8">
                  <c:v>41653</c:v>
                </c:pt>
                <c:pt idx="9">
                  <c:v>41654</c:v>
                </c:pt>
                <c:pt idx="10">
                  <c:v>41655</c:v>
                </c:pt>
                <c:pt idx="11">
                  <c:v>41656</c:v>
                </c:pt>
                <c:pt idx="12">
                  <c:v>41659</c:v>
                </c:pt>
                <c:pt idx="13">
                  <c:v>41660</c:v>
                </c:pt>
                <c:pt idx="14">
                  <c:v>41661</c:v>
                </c:pt>
                <c:pt idx="15">
                  <c:v>41662</c:v>
                </c:pt>
                <c:pt idx="16">
                  <c:v>41663</c:v>
                </c:pt>
                <c:pt idx="17">
                  <c:v>41666</c:v>
                </c:pt>
                <c:pt idx="18">
                  <c:v>41667</c:v>
                </c:pt>
                <c:pt idx="19">
                  <c:v>41668</c:v>
                </c:pt>
                <c:pt idx="20">
                  <c:v>41669</c:v>
                </c:pt>
                <c:pt idx="21">
                  <c:v>41670</c:v>
                </c:pt>
                <c:pt idx="22">
                  <c:v>41673</c:v>
                </c:pt>
                <c:pt idx="23">
                  <c:v>41674</c:v>
                </c:pt>
                <c:pt idx="24">
                  <c:v>41675</c:v>
                </c:pt>
                <c:pt idx="25">
                  <c:v>41676</c:v>
                </c:pt>
                <c:pt idx="26">
                  <c:v>41677</c:v>
                </c:pt>
                <c:pt idx="27">
                  <c:v>41680</c:v>
                </c:pt>
                <c:pt idx="28">
                  <c:v>41681</c:v>
                </c:pt>
                <c:pt idx="29">
                  <c:v>41682</c:v>
                </c:pt>
                <c:pt idx="30">
                  <c:v>41683</c:v>
                </c:pt>
                <c:pt idx="31">
                  <c:v>41684</c:v>
                </c:pt>
                <c:pt idx="32">
                  <c:v>41687</c:v>
                </c:pt>
                <c:pt idx="33">
                  <c:v>41688</c:v>
                </c:pt>
                <c:pt idx="34">
                  <c:v>41689</c:v>
                </c:pt>
                <c:pt idx="35">
                  <c:v>41690</c:v>
                </c:pt>
                <c:pt idx="36">
                  <c:v>41691</c:v>
                </c:pt>
                <c:pt idx="37">
                  <c:v>41694</c:v>
                </c:pt>
                <c:pt idx="38">
                  <c:v>41695</c:v>
                </c:pt>
                <c:pt idx="39">
                  <c:v>41696</c:v>
                </c:pt>
                <c:pt idx="40">
                  <c:v>41697</c:v>
                </c:pt>
                <c:pt idx="41">
                  <c:v>41698</c:v>
                </c:pt>
                <c:pt idx="42">
                  <c:v>41701</c:v>
                </c:pt>
                <c:pt idx="43">
                  <c:v>41702</c:v>
                </c:pt>
                <c:pt idx="44">
                  <c:v>41703</c:v>
                </c:pt>
                <c:pt idx="45">
                  <c:v>41704</c:v>
                </c:pt>
                <c:pt idx="46">
                  <c:v>41705</c:v>
                </c:pt>
                <c:pt idx="47">
                  <c:v>41708</c:v>
                </c:pt>
                <c:pt idx="48">
                  <c:v>41709</c:v>
                </c:pt>
                <c:pt idx="49">
                  <c:v>41710</c:v>
                </c:pt>
                <c:pt idx="50">
                  <c:v>41711</c:v>
                </c:pt>
                <c:pt idx="51">
                  <c:v>41712</c:v>
                </c:pt>
                <c:pt idx="52">
                  <c:v>41715</c:v>
                </c:pt>
                <c:pt idx="53">
                  <c:v>41716</c:v>
                </c:pt>
                <c:pt idx="54">
                  <c:v>41717</c:v>
                </c:pt>
                <c:pt idx="55">
                  <c:v>41718</c:v>
                </c:pt>
                <c:pt idx="56">
                  <c:v>41719</c:v>
                </c:pt>
                <c:pt idx="57">
                  <c:v>41722</c:v>
                </c:pt>
                <c:pt idx="58">
                  <c:v>41723</c:v>
                </c:pt>
                <c:pt idx="59">
                  <c:v>41724</c:v>
                </c:pt>
                <c:pt idx="60">
                  <c:v>41725</c:v>
                </c:pt>
                <c:pt idx="61">
                  <c:v>41726</c:v>
                </c:pt>
                <c:pt idx="62">
                  <c:v>41729</c:v>
                </c:pt>
                <c:pt idx="63">
                  <c:v>41730</c:v>
                </c:pt>
                <c:pt idx="64">
                  <c:v>41731</c:v>
                </c:pt>
                <c:pt idx="65">
                  <c:v>41732</c:v>
                </c:pt>
                <c:pt idx="66">
                  <c:v>41733</c:v>
                </c:pt>
                <c:pt idx="67">
                  <c:v>41736</c:v>
                </c:pt>
                <c:pt idx="68">
                  <c:v>41737</c:v>
                </c:pt>
                <c:pt idx="69">
                  <c:v>41738</c:v>
                </c:pt>
                <c:pt idx="70">
                  <c:v>41739</c:v>
                </c:pt>
                <c:pt idx="71">
                  <c:v>41740</c:v>
                </c:pt>
                <c:pt idx="72">
                  <c:v>41743</c:v>
                </c:pt>
                <c:pt idx="73">
                  <c:v>41744</c:v>
                </c:pt>
                <c:pt idx="74">
                  <c:v>41745</c:v>
                </c:pt>
                <c:pt idx="75">
                  <c:v>41746</c:v>
                </c:pt>
                <c:pt idx="76">
                  <c:v>41750</c:v>
                </c:pt>
                <c:pt idx="77">
                  <c:v>41751</c:v>
                </c:pt>
                <c:pt idx="78">
                  <c:v>41752</c:v>
                </c:pt>
                <c:pt idx="79">
                  <c:v>41753</c:v>
                </c:pt>
                <c:pt idx="80">
                  <c:v>41754</c:v>
                </c:pt>
                <c:pt idx="81">
                  <c:v>41757</c:v>
                </c:pt>
                <c:pt idx="82">
                  <c:v>41758</c:v>
                </c:pt>
                <c:pt idx="83">
                  <c:v>41759</c:v>
                </c:pt>
                <c:pt idx="84">
                  <c:v>41760</c:v>
                </c:pt>
                <c:pt idx="85">
                  <c:v>41761</c:v>
                </c:pt>
                <c:pt idx="86">
                  <c:v>41764</c:v>
                </c:pt>
                <c:pt idx="87">
                  <c:v>41765</c:v>
                </c:pt>
                <c:pt idx="88">
                  <c:v>41766</c:v>
                </c:pt>
                <c:pt idx="89">
                  <c:v>41767</c:v>
                </c:pt>
                <c:pt idx="90">
                  <c:v>41768</c:v>
                </c:pt>
                <c:pt idx="91">
                  <c:v>41771</c:v>
                </c:pt>
                <c:pt idx="92">
                  <c:v>41772</c:v>
                </c:pt>
                <c:pt idx="93">
                  <c:v>41773</c:v>
                </c:pt>
                <c:pt idx="94">
                  <c:v>41774</c:v>
                </c:pt>
                <c:pt idx="95">
                  <c:v>41775</c:v>
                </c:pt>
                <c:pt idx="96">
                  <c:v>41778</c:v>
                </c:pt>
                <c:pt idx="97">
                  <c:v>41779</c:v>
                </c:pt>
                <c:pt idx="98">
                  <c:v>41780</c:v>
                </c:pt>
                <c:pt idx="99">
                  <c:v>41781</c:v>
                </c:pt>
                <c:pt idx="100">
                  <c:v>41782</c:v>
                </c:pt>
                <c:pt idx="101">
                  <c:v>41785</c:v>
                </c:pt>
                <c:pt idx="102">
                  <c:v>41786</c:v>
                </c:pt>
                <c:pt idx="103">
                  <c:v>41787</c:v>
                </c:pt>
                <c:pt idx="104">
                  <c:v>41788</c:v>
                </c:pt>
                <c:pt idx="105">
                  <c:v>41789</c:v>
                </c:pt>
                <c:pt idx="106">
                  <c:v>41792</c:v>
                </c:pt>
                <c:pt idx="107">
                  <c:v>41793</c:v>
                </c:pt>
                <c:pt idx="108">
                  <c:v>41794</c:v>
                </c:pt>
                <c:pt idx="109">
                  <c:v>41795</c:v>
                </c:pt>
                <c:pt idx="110">
                  <c:v>41796</c:v>
                </c:pt>
                <c:pt idx="111">
                  <c:v>41799</c:v>
                </c:pt>
                <c:pt idx="112">
                  <c:v>41800</c:v>
                </c:pt>
                <c:pt idx="113">
                  <c:v>41801</c:v>
                </c:pt>
                <c:pt idx="114">
                  <c:v>41802</c:v>
                </c:pt>
                <c:pt idx="115">
                  <c:v>41803</c:v>
                </c:pt>
                <c:pt idx="116">
                  <c:v>41806</c:v>
                </c:pt>
                <c:pt idx="117">
                  <c:v>41807</c:v>
                </c:pt>
                <c:pt idx="118">
                  <c:v>41808</c:v>
                </c:pt>
                <c:pt idx="119">
                  <c:v>41809</c:v>
                </c:pt>
                <c:pt idx="120">
                  <c:v>41810</c:v>
                </c:pt>
                <c:pt idx="121">
                  <c:v>41813</c:v>
                </c:pt>
                <c:pt idx="122">
                  <c:v>41814</c:v>
                </c:pt>
                <c:pt idx="123">
                  <c:v>41815</c:v>
                </c:pt>
                <c:pt idx="124">
                  <c:v>41816</c:v>
                </c:pt>
                <c:pt idx="125">
                  <c:v>41817</c:v>
                </c:pt>
                <c:pt idx="126">
                  <c:v>41820</c:v>
                </c:pt>
                <c:pt idx="127">
                  <c:v>41821</c:v>
                </c:pt>
                <c:pt idx="128">
                  <c:v>41822</c:v>
                </c:pt>
                <c:pt idx="129">
                  <c:v>41823</c:v>
                </c:pt>
                <c:pt idx="130">
                  <c:v>41824</c:v>
                </c:pt>
                <c:pt idx="131">
                  <c:v>41827</c:v>
                </c:pt>
                <c:pt idx="132">
                  <c:v>41828</c:v>
                </c:pt>
                <c:pt idx="133">
                  <c:v>41829</c:v>
                </c:pt>
                <c:pt idx="134">
                  <c:v>41830</c:v>
                </c:pt>
                <c:pt idx="135">
                  <c:v>41831</c:v>
                </c:pt>
                <c:pt idx="136">
                  <c:v>41834</c:v>
                </c:pt>
                <c:pt idx="137">
                  <c:v>41835</c:v>
                </c:pt>
                <c:pt idx="138">
                  <c:v>41836</c:v>
                </c:pt>
                <c:pt idx="139">
                  <c:v>41837</c:v>
                </c:pt>
                <c:pt idx="140">
                  <c:v>41838</c:v>
                </c:pt>
                <c:pt idx="141">
                  <c:v>41841</c:v>
                </c:pt>
                <c:pt idx="142">
                  <c:v>41842</c:v>
                </c:pt>
                <c:pt idx="143">
                  <c:v>41843</c:v>
                </c:pt>
                <c:pt idx="144">
                  <c:v>41844</c:v>
                </c:pt>
                <c:pt idx="145">
                  <c:v>41845</c:v>
                </c:pt>
                <c:pt idx="146">
                  <c:v>41848</c:v>
                </c:pt>
                <c:pt idx="147">
                  <c:v>41849</c:v>
                </c:pt>
                <c:pt idx="148">
                  <c:v>41850</c:v>
                </c:pt>
                <c:pt idx="149">
                  <c:v>41851</c:v>
                </c:pt>
                <c:pt idx="150">
                  <c:v>41852</c:v>
                </c:pt>
                <c:pt idx="151">
                  <c:v>41855</c:v>
                </c:pt>
                <c:pt idx="152">
                  <c:v>41856</c:v>
                </c:pt>
                <c:pt idx="153">
                  <c:v>41857</c:v>
                </c:pt>
                <c:pt idx="154">
                  <c:v>41858</c:v>
                </c:pt>
                <c:pt idx="155">
                  <c:v>41859</c:v>
                </c:pt>
                <c:pt idx="156">
                  <c:v>41862</c:v>
                </c:pt>
                <c:pt idx="157">
                  <c:v>41863</c:v>
                </c:pt>
                <c:pt idx="158">
                  <c:v>41864</c:v>
                </c:pt>
                <c:pt idx="159">
                  <c:v>41865</c:v>
                </c:pt>
                <c:pt idx="160">
                  <c:v>41866</c:v>
                </c:pt>
                <c:pt idx="161">
                  <c:v>41869</c:v>
                </c:pt>
                <c:pt idx="162">
                  <c:v>41870</c:v>
                </c:pt>
                <c:pt idx="163">
                  <c:v>41871</c:v>
                </c:pt>
                <c:pt idx="164">
                  <c:v>41872</c:v>
                </c:pt>
                <c:pt idx="165">
                  <c:v>41873</c:v>
                </c:pt>
                <c:pt idx="166">
                  <c:v>41876</c:v>
                </c:pt>
                <c:pt idx="167">
                  <c:v>41877</c:v>
                </c:pt>
                <c:pt idx="168">
                  <c:v>41878</c:v>
                </c:pt>
                <c:pt idx="169">
                  <c:v>41879</c:v>
                </c:pt>
                <c:pt idx="170">
                  <c:v>41880</c:v>
                </c:pt>
                <c:pt idx="171">
                  <c:v>41883</c:v>
                </c:pt>
                <c:pt idx="172">
                  <c:v>41884</c:v>
                </c:pt>
                <c:pt idx="173">
                  <c:v>41885</c:v>
                </c:pt>
                <c:pt idx="174">
                  <c:v>41886</c:v>
                </c:pt>
                <c:pt idx="175">
                  <c:v>41887</c:v>
                </c:pt>
                <c:pt idx="176">
                  <c:v>41890</c:v>
                </c:pt>
                <c:pt idx="177">
                  <c:v>41891</c:v>
                </c:pt>
                <c:pt idx="178">
                  <c:v>41892</c:v>
                </c:pt>
                <c:pt idx="179">
                  <c:v>41893</c:v>
                </c:pt>
                <c:pt idx="180">
                  <c:v>41894</c:v>
                </c:pt>
                <c:pt idx="181">
                  <c:v>41897</c:v>
                </c:pt>
                <c:pt idx="182">
                  <c:v>41898</c:v>
                </c:pt>
                <c:pt idx="183">
                  <c:v>41899</c:v>
                </c:pt>
                <c:pt idx="184">
                  <c:v>41900</c:v>
                </c:pt>
                <c:pt idx="185">
                  <c:v>41901</c:v>
                </c:pt>
                <c:pt idx="186">
                  <c:v>41904</c:v>
                </c:pt>
                <c:pt idx="187">
                  <c:v>41905</c:v>
                </c:pt>
                <c:pt idx="188">
                  <c:v>41906</c:v>
                </c:pt>
                <c:pt idx="189">
                  <c:v>41907</c:v>
                </c:pt>
                <c:pt idx="190">
                  <c:v>41908</c:v>
                </c:pt>
                <c:pt idx="191">
                  <c:v>41911</c:v>
                </c:pt>
                <c:pt idx="192">
                  <c:v>41912</c:v>
                </c:pt>
                <c:pt idx="193">
                  <c:v>41913</c:v>
                </c:pt>
                <c:pt idx="194">
                  <c:v>41914</c:v>
                </c:pt>
                <c:pt idx="195">
                  <c:v>41915</c:v>
                </c:pt>
                <c:pt idx="196">
                  <c:v>41918</c:v>
                </c:pt>
                <c:pt idx="197">
                  <c:v>41919</c:v>
                </c:pt>
                <c:pt idx="198">
                  <c:v>41920</c:v>
                </c:pt>
                <c:pt idx="199">
                  <c:v>41921</c:v>
                </c:pt>
                <c:pt idx="200">
                  <c:v>41922</c:v>
                </c:pt>
                <c:pt idx="201">
                  <c:v>41925</c:v>
                </c:pt>
                <c:pt idx="202">
                  <c:v>41926</c:v>
                </c:pt>
                <c:pt idx="203">
                  <c:v>41927</c:v>
                </c:pt>
                <c:pt idx="204">
                  <c:v>41928</c:v>
                </c:pt>
                <c:pt idx="205">
                  <c:v>41929</c:v>
                </c:pt>
                <c:pt idx="206">
                  <c:v>41932</c:v>
                </c:pt>
                <c:pt idx="207">
                  <c:v>41933</c:v>
                </c:pt>
                <c:pt idx="208">
                  <c:v>41934</c:v>
                </c:pt>
                <c:pt idx="209">
                  <c:v>41935</c:v>
                </c:pt>
                <c:pt idx="210">
                  <c:v>41936</c:v>
                </c:pt>
                <c:pt idx="211">
                  <c:v>41939</c:v>
                </c:pt>
                <c:pt idx="212">
                  <c:v>41940</c:v>
                </c:pt>
                <c:pt idx="213">
                  <c:v>41941</c:v>
                </c:pt>
                <c:pt idx="214">
                  <c:v>41942</c:v>
                </c:pt>
                <c:pt idx="215">
                  <c:v>41943</c:v>
                </c:pt>
                <c:pt idx="216">
                  <c:v>41946</c:v>
                </c:pt>
                <c:pt idx="217">
                  <c:v>41947</c:v>
                </c:pt>
                <c:pt idx="218">
                  <c:v>41948</c:v>
                </c:pt>
                <c:pt idx="219">
                  <c:v>41949</c:v>
                </c:pt>
                <c:pt idx="220">
                  <c:v>41950</c:v>
                </c:pt>
                <c:pt idx="221">
                  <c:v>41953</c:v>
                </c:pt>
                <c:pt idx="222">
                  <c:v>41954</c:v>
                </c:pt>
                <c:pt idx="223">
                  <c:v>41955</c:v>
                </c:pt>
                <c:pt idx="224">
                  <c:v>41956</c:v>
                </c:pt>
                <c:pt idx="225">
                  <c:v>41957</c:v>
                </c:pt>
                <c:pt idx="226">
                  <c:v>41960</c:v>
                </c:pt>
                <c:pt idx="227">
                  <c:v>41961</c:v>
                </c:pt>
                <c:pt idx="228">
                  <c:v>41962</c:v>
                </c:pt>
                <c:pt idx="229">
                  <c:v>41963</c:v>
                </c:pt>
                <c:pt idx="230">
                  <c:v>41964</c:v>
                </c:pt>
                <c:pt idx="231">
                  <c:v>41967</c:v>
                </c:pt>
                <c:pt idx="232">
                  <c:v>41968</c:v>
                </c:pt>
                <c:pt idx="233">
                  <c:v>41969</c:v>
                </c:pt>
                <c:pt idx="234">
                  <c:v>41970</c:v>
                </c:pt>
                <c:pt idx="235">
                  <c:v>41971</c:v>
                </c:pt>
                <c:pt idx="236">
                  <c:v>41974</c:v>
                </c:pt>
                <c:pt idx="237">
                  <c:v>41975</c:v>
                </c:pt>
                <c:pt idx="238">
                  <c:v>41976</c:v>
                </c:pt>
                <c:pt idx="239">
                  <c:v>41977</c:v>
                </c:pt>
                <c:pt idx="240">
                  <c:v>41978</c:v>
                </c:pt>
                <c:pt idx="241">
                  <c:v>41981</c:v>
                </c:pt>
                <c:pt idx="242">
                  <c:v>41982</c:v>
                </c:pt>
                <c:pt idx="243">
                  <c:v>41983</c:v>
                </c:pt>
                <c:pt idx="244">
                  <c:v>41984</c:v>
                </c:pt>
                <c:pt idx="245">
                  <c:v>41985</c:v>
                </c:pt>
                <c:pt idx="246">
                  <c:v>41988</c:v>
                </c:pt>
                <c:pt idx="247">
                  <c:v>41989</c:v>
                </c:pt>
                <c:pt idx="248">
                  <c:v>41990</c:v>
                </c:pt>
                <c:pt idx="249">
                  <c:v>41991</c:v>
                </c:pt>
                <c:pt idx="250">
                  <c:v>41992</c:v>
                </c:pt>
                <c:pt idx="251">
                  <c:v>41995</c:v>
                </c:pt>
                <c:pt idx="252">
                  <c:v>41996</c:v>
                </c:pt>
                <c:pt idx="253">
                  <c:v>41997</c:v>
                </c:pt>
                <c:pt idx="254">
                  <c:v>41999</c:v>
                </c:pt>
                <c:pt idx="255">
                  <c:v>42002</c:v>
                </c:pt>
                <c:pt idx="256">
                  <c:v>42003</c:v>
                </c:pt>
                <c:pt idx="257">
                  <c:v>42004</c:v>
                </c:pt>
                <c:pt idx="258">
                  <c:v>42006</c:v>
                </c:pt>
                <c:pt idx="259">
                  <c:v>42009</c:v>
                </c:pt>
                <c:pt idx="260">
                  <c:v>42010</c:v>
                </c:pt>
                <c:pt idx="261">
                  <c:v>42011</c:v>
                </c:pt>
                <c:pt idx="262">
                  <c:v>42012</c:v>
                </c:pt>
                <c:pt idx="263">
                  <c:v>42013</c:v>
                </c:pt>
                <c:pt idx="264">
                  <c:v>42016</c:v>
                </c:pt>
                <c:pt idx="265">
                  <c:v>42017</c:v>
                </c:pt>
                <c:pt idx="266">
                  <c:v>42018</c:v>
                </c:pt>
                <c:pt idx="267">
                  <c:v>42019</c:v>
                </c:pt>
                <c:pt idx="268">
                  <c:v>42020</c:v>
                </c:pt>
                <c:pt idx="269">
                  <c:v>42023</c:v>
                </c:pt>
                <c:pt idx="270">
                  <c:v>42024</c:v>
                </c:pt>
                <c:pt idx="271">
                  <c:v>42025</c:v>
                </c:pt>
                <c:pt idx="272">
                  <c:v>42026</c:v>
                </c:pt>
                <c:pt idx="273">
                  <c:v>42027</c:v>
                </c:pt>
                <c:pt idx="274">
                  <c:v>42030</c:v>
                </c:pt>
                <c:pt idx="275">
                  <c:v>42031</c:v>
                </c:pt>
                <c:pt idx="276">
                  <c:v>42032</c:v>
                </c:pt>
                <c:pt idx="277">
                  <c:v>42033</c:v>
                </c:pt>
                <c:pt idx="278">
                  <c:v>42034</c:v>
                </c:pt>
                <c:pt idx="279">
                  <c:v>42037</c:v>
                </c:pt>
                <c:pt idx="280">
                  <c:v>42038</c:v>
                </c:pt>
                <c:pt idx="281">
                  <c:v>42039</c:v>
                </c:pt>
                <c:pt idx="282">
                  <c:v>42040</c:v>
                </c:pt>
                <c:pt idx="283">
                  <c:v>42041</c:v>
                </c:pt>
                <c:pt idx="284">
                  <c:v>42044</c:v>
                </c:pt>
                <c:pt idx="285">
                  <c:v>42045</c:v>
                </c:pt>
                <c:pt idx="286">
                  <c:v>42046</c:v>
                </c:pt>
                <c:pt idx="287">
                  <c:v>42047</c:v>
                </c:pt>
                <c:pt idx="288">
                  <c:v>42048</c:v>
                </c:pt>
                <c:pt idx="289">
                  <c:v>42051</c:v>
                </c:pt>
                <c:pt idx="290">
                  <c:v>42052</c:v>
                </c:pt>
                <c:pt idx="291">
                  <c:v>42053</c:v>
                </c:pt>
                <c:pt idx="292">
                  <c:v>42054</c:v>
                </c:pt>
                <c:pt idx="293">
                  <c:v>42055</c:v>
                </c:pt>
                <c:pt idx="294">
                  <c:v>42058</c:v>
                </c:pt>
                <c:pt idx="295">
                  <c:v>42059</c:v>
                </c:pt>
                <c:pt idx="296">
                  <c:v>42060</c:v>
                </c:pt>
                <c:pt idx="297">
                  <c:v>42061</c:v>
                </c:pt>
                <c:pt idx="298">
                  <c:v>42062</c:v>
                </c:pt>
                <c:pt idx="299">
                  <c:v>42065</c:v>
                </c:pt>
                <c:pt idx="300">
                  <c:v>42066</c:v>
                </c:pt>
                <c:pt idx="301">
                  <c:v>42067</c:v>
                </c:pt>
                <c:pt idx="302">
                  <c:v>42068</c:v>
                </c:pt>
                <c:pt idx="303">
                  <c:v>42069</c:v>
                </c:pt>
                <c:pt idx="304">
                  <c:v>42072</c:v>
                </c:pt>
                <c:pt idx="305">
                  <c:v>42073</c:v>
                </c:pt>
                <c:pt idx="306">
                  <c:v>42074</c:v>
                </c:pt>
                <c:pt idx="307">
                  <c:v>42075</c:v>
                </c:pt>
                <c:pt idx="308">
                  <c:v>42076</c:v>
                </c:pt>
                <c:pt idx="309">
                  <c:v>42079</c:v>
                </c:pt>
                <c:pt idx="310">
                  <c:v>42080</c:v>
                </c:pt>
                <c:pt idx="311">
                  <c:v>42081</c:v>
                </c:pt>
                <c:pt idx="312">
                  <c:v>42082</c:v>
                </c:pt>
                <c:pt idx="313">
                  <c:v>42083</c:v>
                </c:pt>
                <c:pt idx="314">
                  <c:v>42086</c:v>
                </c:pt>
                <c:pt idx="315">
                  <c:v>42087</c:v>
                </c:pt>
                <c:pt idx="316">
                  <c:v>42088</c:v>
                </c:pt>
                <c:pt idx="317">
                  <c:v>42089</c:v>
                </c:pt>
                <c:pt idx="318">
                  <c:v>42090</c:v>
                </c:pt>
                <c:pt idx="319">
                  <c:v>42093</c:v>
                </c:pt>
                <c:pt idx="320">
                  <c:v>42094</c:v>
                </c:pt>
                <c:pt idx="321">
                  <c:v>42095</c:v>
                </c:pt>
                <c:pt idx="322">
                  <c:v>42096</c:v>
                </c:pt>
                <c:pt idx="323">
                  <c:v>42097</c:v>
                </c:pt>
                <c:pt idx="324">
                  <c:v>42100</c:v>
                </c:pt>
                <c:pt idx="325">
                  <c:v>42101</c:v>
                </c:pt>
                <c:pt idx="326">
                  <c:v>42102</c:v>
                </c:pt>
                <c:pt idx="327">
                  <c:v>42103</c:v>
                </c:pt>
                <c:pt idx="328">
                  <c:v>42104</c:v>
                </c:pt>
                <c:pt idx="329">
                  <c:v>42107</c:v>
                </c:pt>
                <c:pt idx="330">
                  <c:v>42108</c:v>
                </c:pt>
                <c:pt idx="331">
                  <c:v>42109</c:v>
                </c:pt>
                <c:pt idx="332">
                  <c:v>42110</c:v>
                </c:pt>
                <c:pt idx="333">
                  <c:v>42111</c:v>
                </c:pt>
                <c:pt idx="334">
                  <c:v>42114</c:v>
                </c:pt>
                <c:pt idx="335">
                  <c:v>42115</c:v>
                </c:pt>
                <c:pt idx="336">
                  <c:v>42116</c:v>
                </c:pt>
                <c:pt idx="337">
                  <c:v>42117</c:v>
                </c:pt>
                <c:pt idx="338">
                  <c:v>42118</c:v>
                </c:pt>
                <c:pt idx="339">
                  <c:v>42121</c:v>
                </c:pt>
                <c:pt idx="340">
                  <c:v>42122</c:v>
                </c:pt>
                <c:pt idx="341">
                  <c:v>42123</c:v>
                </c:pt>
                <c:pt idx="342">
                  <c:v>42124</c:v>
                </c:pt>
                <c:pt idx="343">
                  <c:v>42125</c:v>
                </c:pt>
                <c:pt idx="344">
                  <c:v>42128</c:v>
                </c:pt>
                <c:pt idx="345">
                  <c:v>42129</c:v>
                </c:pt>
                <c:pt idx="346">
                  <c:v>42130</c:v>
                </c:pt>
                <c:pt idx="347">
                  <c:v>42131</c:v>
                </c:pt>
                <c:pt idx="348">
                  <c:v>42132</c:v>
                </c:pt>
                <c:pt idx="349">
                  <c:v>42135</c:v>
                </c:pt>
                <c:pt idx="350">
                  <c:v>42136</c:v>
                </c:pt>
                <c:pt idx="351">
                  <c:v>42137</c:v>
                </c:pt>
                <c:pt idx="352">
                  <c:v>42138</c:v>
                </c:pt>
                <c:pt idx="353">
                  <c:v>42139</c:v>
                </c:pt>
                <c:pt idx="354">
                  <c:v>42142</c:v>
                </c:pt>
                <c:pt idx="355">
                  <c:v>42143</c:v>
                </c:pt>
                <c:pt idx="356">
                  <c:v>42144</c:v>
                </c:pt>
                <c:pt idx="357">
                  <c:v>42145</c:v>
                </c:pt>
                <c:pt idx="358">
                  <c:v>42146</c:v>
                </c:pt>
                <c:pt idx="359">
                  <c:v>42149</c:v>
                </c:pt>
                <c:pt idx="360">
                  <c:v>42150</c:v>
                </c:pt>
                <c:pt idx="361">
                  <c:v>42151</c:v>
                </c:pt>
                <c:pt idx="362">
                  <c:v>42152</c:v>
                </c:pt>
                <c:pt idx="363">
                  <c:v>42153</c:v>
                </c:pt>
                <c:pt idx="364">
                  <c:v>42156</c:v>
                </c:pt>
                <c:pt idx="365">
                  <c:v>42157</c:v>
                </c:pt>
                <c:pt idx="366">
                  <c:v>42158</c:v>
                </c:pt>
                <c:pt idx="367">
                  <c:v>42159</c:v>
                </c:pt>
                <c:pt idx="368">
                  <c:v>42160</c:v>
                </c:pt>
                <c:pt idx="369">
                  <c:v>42163</c:v>
                </c:pt>
                <c:pt idx="370">
                  <c:v>42164</c:v>
                </c:pt>
                <c:pt idx="371">
                  <c:v>42165</c:v>
                </c:pt>
                <c:pt idx="372">
                  <c:v>42166</c:v>
                </c:pt>
                <c:pt idx="373">
                  <c:v>42167</c:v>
                </c:pt>
                <c:pt idx="374">
                  <c:v>42170</c:v>
                </c:pt>
                <c:pt idx="375">
                  <c:v>42171</c:v>
                </c:pt>
                <c:pt idx="376">
                  <c:v>42172</c:v>
                </c:pt>
                <c:pt idx="377">
                  <c:v>42173</c:v>
                </c:pt>
                <c:pt idx="378">
                  <c:v>42174</c:v>
                </c:pt>
                <c:pt idx="379">
                  <c:v>42177</c:v>
                </c:pt>
                <c:pt idx="380">
                  <c:v>42178</c:v>
                </c:pt>
                <c:pt idx="381">
                  <c:v>42179</c:v>
                </c:pt>
                <c:pt idx="382">
                  <c:v>42180</c:v>
                </c:pt>
                <c:pt idx="383">
                  <c:v>42181</c:v>
                </c:pt>
                <c:pt idx="384">
                  <c:v>42184</c:v>
                </c:pt>
                <c:pt idx="385">
                  <c:v>42185</c:v>
                </c:pt>
                <c:pt idx="386">
                  <c:v>42186</c:v>
                </c:pt>
                <c:pt idx="387">
                  <c:v>42187</c:v>
                </c:pt>
                <c:pt idx="388">
                  <c:v>42188</c:v>
                </c:pt>
                <c:pt idx="389">
                  <c:v>42191</c:v>
                </c:pt>
                <c:pt idx="390">
                  <c:v>42192</c:v>
                </c:pt>
                <c:pt idx="391">
                  <c:v>42193</c:v>
                </c:pt>
                <c:pt idx="392">
                  <c:v>42194</c:v>
                </c:pt>
                <c:pt idx="393">
                  <c:v>42195</c:v>
                </c:pt>
                <c:pt idx="394">
                  <c:v>42198</c:v>
                </c:pt>
                <c:pt idx="395">
                  <c:v>42199</c:v>
                </c:pt>
                <c:pt idx="396">
                  <c:v>42200</c:v>
                </c:pt>
                <c:pt idx="397">
                  <c:v>42201</c:v>
                </c:pt>
                <c:pt idx="398">
                  <c:v>42202</c:v>
                </c:pt>
                <c:pt idx="399">
                  <c:v>42205</c:v>
                </c:pt>
                <c:pt idx="400">
                  <c:v>42206</c:v>
                </c:pt>
                <c:pt idx="401">
                  <c:v>42207</c:v>
                </c:pt>
                <c:pt idx="402">
                  <c:v>42208</c:v>
                </c:pt>
                <c:pt idx="403">
                  <c:v>42209</c:v>
                </c:pt>
                <c:pt idx="404">
                  <c:v>42212</c:v>
                </c:pt>
                <c:pt idx="405">
                  <c:v>42213</c:v>
                </c:pt>
                <c:pt idx="406">
                  <c:v>42214</c:v>
                </c:pt>
                <c:pt idx="407">
                  <c:v>42215</c:v>
                </c:pt>
                <c:pt idx="408">
                  <c:v>42216</c:v>
                </c:pt>
                <c:pt idx="409">
                  <c:v>42219</c:v>
                </c:pt>
                <c:pt idx="410">
                  <c:v>42220</c:v>
                </c:pt>
                <c:pt idx="411">
                  <c:v>42221</c:v>
                </c:pt>
                <c:pt idx="412">
                  <c:v>42222</c:v>
                </c:pt>
                <c:pt idx="413">
                  <c:v>42223</c:v>
                </c:pt>
                <c:pt idx="414">
                  <c:v>42226</c:v>
                </c:pt>
                <c:pt idx="415">
                  <c:v>42227</c:v>
                </c:pt>
                <c:pt idx="416">
                  <c:v>42228</c:v>
                </c:pt>
                <c:pt idx="417">
                  <c:v>42229</c:v>
                </c:pt>
                <c:pt idx="418">
                  <c:v>42230</c:v>
                </c:pt>
                <c:pt idx="419">
                  <c:v>42233</c:v>
                </c:pt>
                <c:pt idx="420">
                  <c:v>42234</c:v>
                </c:pt>
                <c:pt idx="421">
                  <c:v>42235</c:v>
                </c:pt>
                <c:pt idx="422">
                  <c:v>42236</c:v>
                </c:pt>
                <c:pt idx="423">
                  <c:v>42237</c:v>
                </c:pt>
                <c:pt idx="424">
                  <c:v>42240</c:v>
                </c:pt>
                <c:pt idx="425">
                  <c:v>42241</c:v>
                </c:pt>
                <c:pt idx="426">
                  <c:v>42242</c:v>
                </c:pt>
                <c:pt idx="427">
                  <c:v>42243</c:v>
                </c:pt>
                <c:pt idx="428">
                  <c:v>42244</c:v>
                </c:pt>
                <c:pt idx="429">
                  <c:v>42247</c:v>
                </c:pt>
                <c:pt idx="430">
                  <c:v>42248</c:v>
                </c:pt>
                <c:pt idx="431">
                  <c:v>42249</c:v>
                </c:pt>
                <c:pt idx="432">
                  <c:v>42250</c:v>
                </c:pt>
                <c:pt idx="433">
                  <c:v>42251</c:v>
                </c:pt>
                <c:pt idx="434">
                  <c:v>42254</c:v>
                </c:pt>
                <c:pt idx="435">
                  <c:v>42255</c:v>
                </c:pt>
                <c:pt idx="436">
                  <c:v>42256</c:v>
                </c:pt>
                <c:pt idx="437">
                  <c:v>42257</c:v>
                </c:pt>
                <c:pt idx="438">
                  <c:v>42258</c:v>
                </c:pt>
                <c:pt idx="439">
                  <c:v>42261</c:v>
                </c:pt>
                <c:pt idx="440">
                  <c:v>42262</c:v>
                </c:pt>
                <c:pt idx="441">
                  <c:v>42263</c:v>
                </c:pt>
                <c:pt idx="442">
                  <c:v>42264</c:v>
                </c:pt>
                <c:pt idx="443">
                  <c:v>42265</c:v>
                </c:pt>
                <c:pt idx="444">
                  <c:v>42268</c:v>
                </c:pt>
                <c:pt idx="445">
                  <c:v>42269</c:v>
                </c:pt>
                <c:pt idx="446">
                  <c:v>42270</c:v>
                </c:pt>
                <c:pt idx="447">
                  <c:v>42271</c:v>
                </c:pt>
                <c:pt idx="448">
                  <c:v>42272</c:v>
                </c:pt>
                <c:pt idx="449">
                  <c:v>42275</c:v>
                </c:pt>
                <c:pt idx="450">
                  <c:v>42276</c:v>
                </c:pt>
                <c:pt idx="451">
                  <c:v>42277</c:v>
                </c:pt>
                <c:pt idx="452">
                  <c:v>42278</c:v>
                </c:pt>
                <c:pt idx="453">
                  <c:v>42279</c:v>
                </c:pt>
                <c:pt idx="454">
                  <c:v>42282</c:v>
                </c:pt>
                <c:pt idx="455">
                  <c:v>42283</c:v>
                </c:pt>
                <c:pt idx="456">
                  <c:v>42284</c:v>
                </c:pt>
                <c:pt idx="457">
                  <c:v>42285</c:v>
                </c:pt>
                <c:pt idx="458">
                  <c:v>42286</c:v>
                </c:pt>
                <c:pt idx="459">
                  <c:v>42289</c:v>
                </c:pt>
                <c:pt idx="460">
                  <c:v>42290</c:v>
                </c:pt>
                <c:pt idx="461">
                  <c:v>42291</c:v>
                </c:pt>
                <c:pt idx="462">
                  <c:v>42292</c:v>
                </c:pt>
                <c:pt idx="463">
                  <c:v>42293</c:v>
                </c:pt>
                <c:pt idx="464">
                  <c:v>42296</c:v>
                </c:pt>
                <c:pt idx="465">
                  <c:v>42297</c:v>
                </c:pt>
                <c:pt idx="466">
                  <c:v>42298</c:v>
                </c:pt>
                <c:pt idx="467">
                  <c:v>42299</c:v>
                </c:pt>
                <c:pt idx="468">
                  <c:v>42300</c:v>
                </c:pt>
                <c:pt idx="469">
                  <c:v>42303</c:v>
                </c:pt>
                <c:pt idx="470">
                  <c:v>42304</c:v>
                </c:pt>
                <c:pt idx="471">
                  <c:v>42305</c:v>
                </c:pt>
                <c:pt idx="472">
                  <c:v>42306</c:v>
                </c:pt>
                <c:pt idx="473">
                  <c:v>42307</c:v>
                </c:pt>
                <c:pt idx="474">
                  <c:v>42310</c:v>
                </c:pt>
                <c:pt idx="475">
                  <c:v>42311</c:v>
                </c:pt>
                <c:pt idx="476">
                  <c:v>42312</c:v>
                </c:pt>
                <c:pt idx="477">
                  <c:v>42313</c:v>
                </c:pt>
                <c:pt idx="478">
                  <c:v>42314</c:v>
                </c:pt>
                <c:pt idx="479">
                  <c:v>42317</c:v>
                </c:pt>
                <c:pt idx="480">
                  <c:v>42318</c:v>
                </c:pt>
                <c:pt idx="481">
                  <c:v>42319</c:v>
                </c:pt>
                <c:pt idx="482">
                  <c:v>42320</c:v>
                </c:pt>
                <c:pt idx="483">
                  <c:v>42321</c:v>
                </c:pt>
                <c:pt idx="484">
                  <c:v>42324</c:v>
                </c:pt>
                <c:pt idx="485">
                  <c:v>42325</c:v>
                </c:pt>
                <c:pt idx="486">
                  <c:v>42326</c:v>
                </c:pt>
                <c:pt idx="487">
                  <c:v>42327</c:v>
                </c:pt>
                <c:pt idx="488">
                  <c:v>42328</c:v>
                </c:pt>
                <c:pt idx="489">
                  <c:v>42331</c:v>
                </c:pt>
                <c:pt idx="490">
                  <c:v>42332</c:v>
                </c:pt>
                <c:pt idx="491">
                  <c:v>42333</c:v>
                </c:pt>
                <c:pt idx="492">
                  <c:v>42334</c:v>
                </c:pt>
                <c:pt idx="493">
                  <c:v>42335</c:v>
                </c:pt>
                <c:pt idx="494">
                  <c:v>42338</c:v>
                </c:pt>
                <c:pt idx="495">
                  <c:v>42339</c:v>
                </c:pt>
                <c:pt idx="496">
                  <c:v>42340</c:v>
                </c:pt>
                <c:pt idx="497">
                  <c:v>42341</c:v>
                </c:pt>
                <c:pt idx="498">
                  <c:v>42342</c:v>
                </c:pt>
                <c:pt idx="499">
                  <c:v>42345</c:v>
                </c:pt>
                <c:pt idx="500">
                  <c:v>42346</c:v>
                </c:pt>
                <c:pt idx="501">
                  <c:v>42347</c:v>
                </c:pt>
                <c:pt idx="502">
                  <c:v>42348</c:v>
                </c:pt>
                <c:pt idx="503">
                  <c:v>42349</c:v>
                </c:pt>
                <c:pt idx="504">
                  <c:v>42352</c:v>
                </c:pt>
                <c:pt idx="505">
                  <c:v>42353</c:v>
                </c:pt>
                <c:pt idx="506">
                  <c:v>42354</c:v>
                </c:pt>
                <c:pt idx="507">
                  <c:v>42355</c:v>
                </c:pt>
                <c:pt idx="508">
                  <c:v>42356</c:v>
                </c:pt>
                <c:pt idx="509">
                  <c:v>42359</c:v>
                </c:pt>
                <c:pt idx="510">
                  <c:v>42360</c:v>
                </c:pt>
                <c:pt idx="511">
                  <c:v>42361</c:v>
                </c:pt>
                <c:pt idx="512">
                  <c:v>42362</c:v>
                </c:pt>
                <c:pt idx="513">
                  <c:v>42363</c:v>
                </c:pt>
                <c:pt idx="514">
                  <c:v>42366</c:v>
                </c:pt>
                <c:pt idx="515">
                  <c:v>42367</c:v>
                </c:pt>
                <c:pt idx="516">
                  <c:v>42368</c:v>
                </c:pt>
                <c:pt idx="517">
                  <c:v>42369</c:v>
                </c:pt>
                <c:pt idx="518">
                  <c:v>42370</c:v>
                </c:pt>
                <c:pt idx="519">
                  <c:v>42373</c:v>
                </c:pt>
                <c:pt idx="520">
                  <c:v>42374</c:v>
                </c:pt>
                <c:pt idx="521">
                  <c:v>42375</c:v>
                </c:pt>
                <c:pt idx="522">
                  <c:v>42376</c:v>
                </c:pt>
                <c:pt idx="523">
                  <c:v>42377</c:v>
                </c:pt>
                <c:pt idx="524">
                  <c:v>42380</c:v>
                </c:pt>
                <c:pt idx="525">
                  <c:v>42381</c:v>
                </c:pt>
                <c:pt idx="526">
                  <c:v>42382</c:v>
                </c:pt>
                <c:pt idx="527">
                  <c:v>42383</c:v>
                </c:pt>
                <c:pt idx="528">
                  <c:v>42384</c:v>
                </c:pt>
                <c:pt idx="529">
                  <c:v>42387</c:v>
                </c:pt>
                <c:pt idx="530">
                  <c:v>42388</c:v>
                </c:pt>
                <c:pt idx="531">
                  <c:v>42389</c:v>
                </c:pt>
                <c:pt idx="532">
                  <c:v>42390</c:v>
                </c:pt>
                <c:pt idx="533">
                  <c:v>42391</c:v>
                </c:pt>
                <c:pt idx="534">
                  <c:v>42394</c:v>
                </c:pt>
                <c:pt idx="535">
                  <c:v>42395</c:v>
                </c:pt>
                <c:pt idx="536">
                  <c:v>42396</c:v>
                </c:pt>
                <c:pt idx="537">
                  <c:v>42397</c:v>
                </c:pt>
                <c:pt idx="538">
                  <c:v>42398</c:v>
                </c:pt>
                <c:pt idx="539">
                  <c:v>42401</c:v>
                </c:pt>
                <c:pt idx="540">
                  <c:v>42402</c:v>
                </c:pt>
                <c:pt idx="541">
                  <c:v>42403</c:v>
                </c:pt>
                <c:pt idx="542">
                  <c:v>42404</c:v>
                </c:pt>
                <c:pt idx="543">
                  <c:v>42405</c:v>
                </c:pt>
                <c:pt idx="544">
                  <c:v>42408</c:v>
                </c:pt>
                <c:pt idx="545">
                  <c:v>42409</c:v>
                </c:pt>
                <c:pt idx="546">
                  <c:v>42410</c:v>
                </c:pt>
                <c:pt idx="547">
                  <c:v>42411</c:v>
                </c:pt>
                <c:pt idx="548">
                  <c:v>42412</c:v>
                </c:pt>
                <c:pt idx="549">
                  <c:v>42415</c:v>
                </c:pt>
                <c:pt idx="550">
                  <c:v>42416</c:v>
                </c:pt>
                <c:pt idx="551">
                  <c:v>42417</c:v>
                </c:pt>
                <c:pt idx="552">
                  <c:v>42418</c:v>
                </c:pt>
                <c:pt idx="553">
                  <c:v>42419</c:v>
                </c:pt>
                <c:pt idx="554">
                  <c:v>42422</c:v>
                </c:pt>
                <c:pt idx="555">
                  <c:v>42423</c:v>
                </c:pt>
                <c:pt idx="556">
                  <c:v>42424</c:v>
                </c:pt>
                <c:pt idx="557">
                  <c:v>42425</c:v>
                </c:pt>
                <c:pt idx="558">
                  <c:v>42426</c:v>
                </c:pt>
                <c:pt idx="559">
                  <c:v>42429</c:v>
                </c:pt>
                <c:pt idx="560">
                  <c:v>42430</c:v>
                </c:pt>
                <c:pt idx="561">
                  <c:v>42431</c:v>
                </c:pt>
                <c:pt idx="562">
                  <c:v>42432</c:v>
                </c:pt>
                <c:pt idx="563">
                  <c:v>42433</c:v>
                </c:pt>
                <c:pt idx="564">
                  <c:v>42436</c:v>
                </c:pt>
                <c:pt idx="565">
                  <c:v>42437</c:v>
                </c:pt>
                <c:pt idx="566">
                  <c:v>42438</c:v>
                </c:pt>
                <c:pt idx="567">
                  <c:v>42439</c:v>
                </c:pt>
                <c:pt idx="568">
                  <c:v>42440</c:v>
                </c:pt>
                <c:pt idx="569">
                  <c:v>42443</c:v>
                </c:pt>
                <c:pt idx="570">
                  <c:v>42444</c:v>
                </c:pt>
                <c:pt idx="571">
                  <c:v>42445</c:v>
                </c:pt>
                <c:pt idx="572">
                  <c:v>42446</c:v>
                </c:pt>
                <c:pt idx="573">
                  <c:v>42447</c:v>
                </c:pt>
                <c:pt idx="574">
                  <c:v>42450</c:v>
                </c:pt>
                <c:pt idx="575">
                  <c:v>42451</c:v>
                </c:pt>
                <c:pt idx="576">
                  <c:v>42452</c:v>
                </c:pt>
                <c:pt idx="577">
                  <c:v>42453</c:v>
                </c:pt>
                <c:pt idx="578">
                  <c:v>42454</c:v>
                </c:pt>
                <c:pt idx="579">
                  <c:v>42457</c:v>
                </c:pt>
                <c:pt idx="580">
                  <c:v>42458</c:v>
                </c:pt>
                <c:pt idx="581">
                  <c:v>42459</c:v>
                </c:pt>
                <c:pt idx="582">
                  <c:v>42460</c:v>
                </c:pt>
                <c:pt idx="583">
                  <c:v>42461</c:v>
                </c:pt>
                <c:pt idx="584">
                  <c:v>42464</c:v>
                </c:pt>
                <c:pt idx="585">
                  <c:v>42465</c:v>
                </c:pt>
                <c:pt idx="586">
                  <c:v>42466</c:v>
                </c:pt>
                <c:pt idx="587">
                  <c:v>42467</c:v>
                </c:pt>
                <c:pt idx="588">
                  <c:v>42468</c:v>
                </c:pt>
                <c:pt idx="589">
                  <c:v>42471</c:v>
                </c:pt>
                <c:pt idx="590">
                  <c:v>42472</c:v>
                </c:pt>
                <c:pt idx="591">
                  <c:v>42473</c:v>
                </c:pt>
                <c:pt idx="592">
                  <c:v>42474</c:v>
                </c:pt>
                <c:pt idx="593">
                  <c:v>42475</c:v>
                </c:pt>
                <c:pt idx="594">
                  <c:v>42478</c:v>
                </c:pt>
                <c:pt idx="595">
                  <c:v>42479</c:v>
                </c:pt>
                <c:pt idx="596">
                  <c:v>42480</c:v>
                </c:pt>
                <c:pt idx="597">
                  <c:v>42481</c:v>
                </c:pt>
                <c:pt idx="598">
                  <c:v>42482</c:v>
                </c:pt>
                <c:pt idx="599">
                  <c:v>42485</c:v>
                </c:pt>
                <c:pt idx="600">
                  <c:v>42486</c:v>
                </c:pt>
                <c:pt idx="601">
                  <c:v>42487</c:v>
                </c:pt>
                <c:pt idx="602">
                  <c:v>42488</c:v>
                </c:pt>
                <c:pt idx="603">
                  <c:v>42489</c:v>
                </c:pt>
                <c:pt idx="604">
                  <c:v>42492</c:v>
                </c:pt>
                <c:pt idx="605">
                  <c:v>42493</c:v>
                </c:pt>
                <c:pt idx="606">
                  <c:v>42494</c:v>
                </c:pt>
                <c:pt idx="607">
                  <c:v>42495</c:v>
                </c:pt>
                <c:pt idx="608">
                  <c:v>42496</c:v>
                </c:pt>
                <c:pt idx="609">
                  <c:v>42499</c:v>
                </c:pt>
                <c:pt idx="610">
                  <c:v>42500</c:v>
                </c:pt>
                <c:pt idx="611">
                  <c:v>42501</c:v>
                </c:pt>
                <c:pt idx="612">
                  <c:v>42502</c:v>
                </c:pt>
                <c:pt idx="613">
                  <c:v>42503</c:v>
                </c:pt>
                <c:pt idx="614">
                  <c:v>42506</c:v>
                </c:pt>
                <c:pt idx="615">
                  <c:v>42507</c:v>
                </c:pt>
                <c:pt idx="616">
                  <c:v>42508</c:v>
                </c:pt>
                <c:pt idx="617">
                  <c:v>42509</c:v>
                </c:pt>
                <c:pt idx="618">
                  <c:v>42510</c:v>
                </c:pt>
                <c:pt idx="619">
                  <c:v>42513</c:v>
                </c:pt>
                <c:pt idx="620">
                  <c:v>42514</c:v>
                </c:pt>
                <c:pt idx="621">
                  <c:v>42515</c:v>
                </c:pt>
                <c:pt idx="622">
                  <c:v>42516</c:v>
                </c:pt>
                <c:pt idx="623">
                  <c:v>42517</c:v>
                </c:pt>
                <c:pt idx="624">
                  <c:v>42520</c:v>
                </c:pt>
                <c:pt idx="625">
                  <c:v>42521</c:v>
                </c:pt>
                <c:pt idx="626">
                  <c:v>42522</c:v>
                </c:pt>
                <c:pt idx="627">
                  <c:v>42523</c:v>
                </c:pt>
                <c:pt idx="628">
                  <c:v>42524</c:v>
                </c:pt>
                <c:pt idx="629">
                  <c:v>42527</c:v>
                </c:pt>
                <c:pt idx="630">
                  <c:v>42528</c:v>
                </c:pt>
                <c:pt idx="631">
                  <c:v>42529</c:v>
                </c:pt>
                <c:pt idx="632">
                  <c:v>42530</c:v>
                </c:pt>
                <c:pt idx="633">
                  <c:v>42531</c:v>
                </c:pt>
                <c:pt idx="634">
                  <c:v>42534</c:v>
                </c:pt>
                <c:pt idx="635">
                  <c:v>42535</c:v>
                </c:pt>
                <c:pt idx="636">
                  <c:v>42536</c:v>
                </c:pt>
                <c:pt idx="637">
                  <c:v>42537</c:v>
                </c:pt>
                <c:pt idx="638">
                  <c:v>42538</c:v>
                </c:pt>
                <c:pt idx="639">
                  <c:v>42541</c:v>
                </c:pt>
                <c:pt idx="640">
                  <c:v>42542</c:v>
                </c:pt>
                <c:pt idx="641">
                  <c:v>42543</c:v>
                </c:pt>
                <c:pt idx="642">
                  <c:v>42544</c:v>
                </c:pt>
                <c:pt idx="643">
                  <c:v>42545</c:v>
                </c:pt>
                <c:pt idx="644">
                  <c:v>42548</c:v>
                </c:pt>
                <c:pt idx="645">
                  <c:v>42549</c:v>
                </c:pt>
                <c:pt idx="646">
                  <c:v>42550</c:v>
                </c:pt>
                <c:pt idx="647">
                  <c:v>42551</c:v>
                </c:pt>
                <c:pt idx="648">
                  <c:v>42552</c:v>
                </c:pt>
                <c:pt idx="649">
                  <c:v>42555</c:v>
                </c:pt>
                <c:pt idx="650">
                  <c:v>42556</c:v>
                </c:pt>
                <c:pt idx="651">
                  <c:v>42557</c:v>
                </c:pt>
                <c:pt idx="652">
                  <c:v>42558</c:v>
                </c:pt>
                <c:pt idx="653">
                  <c:v>42559</c:v>
                </c:pt>
                <c:pt idx="654">
                  <c:v>42562</c:v>
                </c:pt>
                <c:pt idx="655">
                  <c:v>42563</c:v>
                </c:pt>
                <c:pt idx="656">
                  <c:v>42564</c:v>
                </c:pt>
                <c:pt idx="657">
                  <c:v>42565</c:v>
                </c:pt>
                <c:pt idx="658">
                  <c:v>42566</c:v>
                </c:pt>
                <c:pt idx="659">
                  <c:v>42569</c:v>
                </c:pt>
                <c:pt idx="660">
                  <c:v>42570</c:v>
                </c:pt>
                <c:pt idx="661">
                  <c:v>42571</c:v>
                </c:pt>
                <c:pt idx="662">
                  <c:v>42572</c:v>
                </c:pt>
                <c:pt idx="663">
                  <c:v>42573</c:v>
                </c:pt>
                <c:pt idx="664">
                  <c:v>42576</c:v>
                </c:pt>
                <c:pt idx="665">
                  <c:v>42577</c:v>
                </c:pt>
                <c:pt idx="666">
                  <c:v>42578</c:v>
                </c:pt>
                <c:pt idx="667">
                  <c:v>42579</c:v>
                </c:pt>
                <c:pt idx="668">
                  <c:v>42580</c:v>
                </c:pt>
                <c:pt idx="669">
                  <c:v>42583</c:v>
                </c:pt>
                <c:pt idx="670">
                  <c:v>42584</c:v>
                </c:pt>
                <c:pt idx="671">
                  <c:v>42585</c:v>
                </c:pt>
                <c:pt idx="672">
                  <c:v>42586</c:v>
                </c:pt>
                <c:pt idx="673">
                  <c:v>42587</c:v>
                </c:pt>
                <c:pt idx="674">
                  <c:v>42590</c:v>
                </c:pt>
                <c:pt idx="675">
                  <c:v>42591</c:v>
                </c:pt>
                <c:pt idx="676">
                  <c:v>42592</c:v>
                </c:pt>
                <c:pt idx="677">
                  <c:v>42593</c:v>
                </c:pt>
                <c:pt idx="678">
                  <c:v>42594</c:v>
                </c:pt>
                <c:pt idx="679">
                  <c:v>42597</c:v>
                </c:pt>
                <c:pt idx="680">
                  <c:v>42598</c:v>
                </c:pt>
                <c:pt idx="681">
                  <c:v>42599</c:v>
                </c:pt>
                <c:pt idx="682">
                  <c:v>42600</c:v>
                </c:pt>
                <c:pt idx="683">
                  <c:v>42601</c:v>
                </c:pt>
                <c:pt idx="684">
                  <c:v>42604</c:v>
                </c:pt>
                <c:pt idx="685">
                  <c:v>42605</c:v>
                </c:pt>
                <c:pt idx="686">
                  <c:v>42606</c:v>
                </c:pt>
                <c:pt idx="687">
                  <c:v>42607</c:v>
                </c:pt>
                <c:pt idx="688">
                  <c:v>42608</c:v>
                </c:pt>
                <c:pt idx="689">
                  <c:v>42611</c:v>
                </c:pt>
                <c:pt idx="690">
                  <c:v>42612</c:v>
                </c:pt>
                <c:pt idx="691">
                  <c:v>42613</c:v>
                </c:pt>
                <c:pt idx="692">
                  <c:v>42614</c:v>
                </c:pt>
                <c:pt idx="693">
                  <c:v>42615</c:v>
                </c:pt>
                <c:pt idx="694">
                  <c:v>42618</c:v>
                </c:pt>
                <c:pt idx="695">
                  <c:v>42619</c:v>
                </c:pt>
                <c:pt idx="696">
                  <c:v>42620</c:v>
                </c:pt>
                <c:pt idx="697">
                  <c:v>42621</c:v>
                </c:pt>
                <c:pt idx="698">
                  <c:v>42622</c:v>
                </c:pt>
                <c:pt idx="699">
                  <c:v>42625</c:v>
                </c:pt>
                <c:pt idx="700">
                  <c:v>42626</c:v>
                </c:pt>
                <c:pt idx="701">
                  <c:v>42627</c:v>
                </c:pt>
                <c:pt idx="702">
                  <c:v>42628</c:v>
                </c:pt>
                <c:pt idx="703">
                  <c:v>42629</c:v>
                </c:pt>
                <c:pt idx="704">
                  <c:v>42632</c:v>
                </c:pt>
                <c:pt idx="705">
                  <c:v>42633</c:v>
                </c:pt>
                <c:pt idx="706">
                  <c:v>42634</c:v>
                </c:pt>
                <c:pt idx="707">
                  <c:v>42635</c:v>
                </c:pt>
                <c:pt idx="708">
                  <c:v>42636</c:v>
                </c:pt>
                <c:pt idx="709">
                  <c:v>42639</c:v>
                </c:pt>
                <c:pt idx="710">
                  <c:v>42640</c:v>
                </c:pt>
                <c:pt idx="711">
                  <c:v>42641</c:v>
                </c:pt>
                <c:pt idx="712">
                  <c:v>42642</c:v>
                </c:pt>
                <c:pt idx="713">
                  <c:v>42643</c:v>
                </c:pt>
                <c:pt idx="714">
                  <c:v>42646</c:v>
                </c:pt>
                <c:pt idx="715">
                  <c:v>42647</c:v>
                </c:pt>
                <c:pt idx="716">
                  <c:v>42648</c:v>
                </c:pt>
                <c:pt idx="717">
                  <c:v>42649</c:v>
                </c:pt>
                <c:pt idx="718">
                  <c:v>42650</c:v>
                </c:pt>
                <c:pt idx="719">
                  <c:v>42653</c:v>
                </c:pt>
                <c:pt idx="720">
                  <c:v>42654</c:v>
                </c:pt>
                <c:pt idx="721">
                  <c:v>42655</c:v>
                </c:pt>
                <c:pt idx="722">
                  <c:v>42656</c:v>
                </c:pt>
                <c:pt idx="723">
                  <c:v>42657</c:v>
                </c:pt>
                <c:pt idx="724">
                  <c:v>42660</c:v>
                </c:pt>
                <c:pt idx="725">
                  <c:v>42661</c:v>
                </c:pt>
                <c:pt idx="726">
                  <c:v>42662</c:v>
                </c:pt>
                <c:pt idx="727">
                  <c:v>42663</c:v>
                </c:pt>
                <c:pt idx="728">
                  <c:v>42664</c:v>
                </c:pt>
                <c:pt idx="729">
                  <c:v>42667</c:v>
                </c:pt>
                <c:pt idx="730">
                  <c:v>42668</c:v>
                </c:pt>
                <c:pt idx="731">
                  <c:v>42669</c:v>
                </c:pt>
                <c:pt idx="732">
                  <c:v>42670</c:v>
                </c:pt>
                <c:pt idx="733">
                  <c:v>42671</c:v>
                </c:pt>
                <c:pt idx="734">
                  <c:v>42674</c:v>
                </c:pt>
                <c:pt idx="735">
                  <c:v>42675</c:v>
                </c:pt>
                <c:pt idx="736">
                  <c:v>42676</c:v>
                </c:pt>
                <c:pt idx="737">
                  <c:v>42677</c:v>
                </c:pt>
                <c:pt idx="738">
                  <c:v>42678</c:v>
                </c:pt>
                <c:pt idx="739">
                  <c:v>42681</c:v>
                </c:pt>
                <c:pt idx="740">
                  <c:v>42682</c:v>
                </c:pt>
                <c:pt idx="741">
                  <c:v>42683</c:v>
                </c:pt>
                <c:pt idx="742">
                  <c:v>42684</c:v>
                </c:pt>
                <c:pt idx="743">
                  <c:v>42685</c:v>
                </c:pt>
                <c:pt idx="744">
                  <c:v>42688</c:v>
                </c:pt>
                <c:pt idx="745">
                  <c:v>42689</c:v>
                </c:pt>
                <c:pt idx="746">
                  <c:v>42690</c:v>
                </c:pt>
                <c:pt idx="747">
                  <c:v>42691</c:v>
                </c:pt>
                <c:pt idx="748">
                  <c:v>42692</c:v>
                </c:pt>
                <c:pt idx="749">
                  <c:v>42695</c:v>
                </c:pt>
                <c:pt idx="750">
                  <c:v>42696</c:v>
                </c:pt>
                <c:pt idx="751">
                  <c:v>42697</c:v>
                </c:pt>
                <c:pt idx="752">
                  <c:v>42698</c:v>
                </c:pt>
                <c:pt idx="753">
                  <c:v>42699</c:v>
                </c:pt>
                <c:pt idx="754">
                  <c:v>42702</c:v>
                </c:pt>
                <c:pt idx="755">
                  <c:v>42703</c:v>
                </c:pt>
                <c:pt idx="756">
                  <c:v>42704</c:v>
                </c:pt>
                <c:pt idx="757">
                  <c:v>42705</c:v>
                </c:pt>
                <c:pt idx="758">
                  <c:v>42706</c:v>
                </c:pt>
                <c:pt idx="759">
                  <c:v>42709</c:v>
                </c:pt>
                <c:pt idx="760">
                  <c:v>42710</c:v>
                </c:pt>
                <c:pt idx="761">
                  <c:v>42711</c:v>
                </c:pt>
                <c:pt idx="762">
                  <c:v>42712</c:v>
                </c:pt>
                <c:pt idx="763">
                  <c:v>42713</c:v>
                </c:pt>
                <c:pt idx="764">
                  <c:v>42716</c:v>
                </c:pt>
                <c:pt idx="765">
                  <c:v>42717</c:v>
                </c:pt>
                <c:pt idx="766">
                  <c:v>42718</c:v>
                </c:pt>
                <c:pt idx="767">
                  <c:v>42719</c:v>
                </c:pt>
                <c:pt idx="768">
                  <c:v>42720</c:v>
                </c:pt>
                <c:pt idx="769">
                  <c:v>42723</c:v>
                </c:pt>
                <c:pt idx="770">
                  <c:v>42724</c:v>
                </c:pt>
                <c:pt idx="771">
                  <c:v>42725</c:v>
                </c:pt>
                <c:pt idx="772">
                  <c:v>42726</c:v>
                </c:pt>
                <c:pt idx="773">
                  <c:v>42727</c:v>
                </c:pt>
                <c:pt idx="774">
                  <c:v>42730</c:v>
                </c:pt>
                <c:pt idx="775">
                  <c:v>42731</c:v>
                </c:pt>
                <c:pt idx="776">
                  <c:v>42732</c:v>
                </c:pt>
                <c:pt idx="777">
                  <c:v>42733</c:v>
                </c:pt>
                <c:pt idx="778">
                  <c:v>42734</c:v>
                </c:pt>
                <c:pt idx="779">
                  <c:v>42737</c:v>
                </c:pt>
                <c:pt idx="780">
                  <c:v>42738</c:v>
                </c:pt>
                <c:pt idx="781">
                  <c:v>42739</c:v>
                </c:pt>
                <c:pt idx="782">
                  <c:v>42740</c:v>
                </c:pt>
                <c:pt idx="783">
                  <c:v>42741</c:v>
                </c:pt>
                <c:pt idx="784">
                  <c:v>42744</c:v>
                </c:pt>
                <c:pt idx="785">
                  <c:v>42745</c:v>
                </c:pt>
                <c:pt idx="786">
                  <c:v>42746</c:v>
                </c:pt>
                <c:pt idx="787">
                  <c:v>42747</c:v>
                </c:pt>
                <c:pt idx="788">
                  <c:v>42748</c:v>
                </c:pt>
                <c:pt idx="789">
                  <c:v>42751</c:v>
                </c:pt>
                <c:pt idx="790">
                  <c:v>42752</c:v>
                </c:pt>
                <c:pt idx="791">
                  <c:v>42753</c:v>
                </c:pt>
                <c:pt idx="792">
                  <c:v>42754</c:v>
                </c:pt>
                <c:pt idx="793">
                  <c:v>42755</c:v>
                </c:pt>
                <c:pt idx="794">
                  <c:v>42758</c:v>
                </c:pt>
                <c:pt idx="795">
                  <c:v>42759</c:v>
                </c:pt>
                <c:pt idx="796">
                  <c:v>42760</c:v>
                </c:pt>
                <c:pt idx="797">
                  <c:v>42761</c:v>
                </c:pt>
                <c:pt idx="798">
                  <c:v>42762</c:v>
                </c:pt>
                <c:pt idx="799">
                  <c:v>42765</c:v>
                </c:pt>
                <c:pt idx="800">
                  <c:v>42766</c:v>
                </c:pt>
                <c:pt idx="801">
                  <c:v>42767</c:v>
                </c:pt>
                <c:pt idx="802">
                  <c:v>42768</c:v>
                </c:pt>
                <c:pt idx="803">
                  <c:v>42769</c:v>
                </c:pt>
                <c:pt idx="804">
                  <c:v>42772</c:v>
                </c:pt>
                <c:pt idx="805">
                  <c:v>42773</c:v>
                </c:pt>
                <c:pt idx="806">
                  <c:v>42774</c:v>
                </c:pt>
                <c:pt idx="807">
                  <c:v>42775</c:v>
                </c:pt>
                <c:pt idx="808">
                  <c:v>42776</c:v>
                </c:pt>
                <c:pt idx="809">
                  <c:v>42779</c:v>
                </c:pt>
                <c:pt idx="810">
                  <c:v>42780</c:v>
                </c:pt>
                <c:pt idx="811">
                  <c:v>42781</c:v>
                </c:pt>
                <c:pt idx="812">
                  <c:v>42782</c:v>
                </c:pt>
                <c:pt idx="813">
                  <c:v>42783</c:v>
                </c:pt>
                <c:pt idx="814" formatCode="mm/dd/yyyy">
                  <c:v>42786</c:v>
                </c:pt>
                <c:pt idx="815" formatCode="mm/dd/yyyy">
                  <c:v>42787</c:v>
                </c:pt>
                <c:pt idx="816" formatCode="mm/dd/yyyy">
                  <c:v>42788</c:v>
                </c:pt>
                <c:pt idx="817" formatCode="mm/dd/yyyy">
                  <c:v>42789</c:v>
                </c:pt>
                <c:pt idx="818" formatCode="mm/dd/yyyy">
                  <c:v>42790</c:v>
                </c:pt>
                <c:pt idx="819" formatCode="mm/dd/yyyy">
                  <c:v>42793</c:v>
                </c:pt>
                <c:pt idx="820" formatCode="mm/dd/yyyy">
                  <c:v>42794</c:v>
                </c:pt>
                <c:pt idx="821" formatCode="mm/dd/yyyy">
                  <c:v>42795</c:v>
                </c:pt>
                <c:pt idx="822" formatCode="mm/dd/yyyy">
                  <c:v>42796</c:v>
                </c:pt>
                <c:pt idx="823" formatCode="mm/dd/yyyy">
                  <c:v>42797</c:v>
                </c:pt>
                <c:pt idx="824" formatCode="mm/dd/yyyy">
                  <c:v>42800</c:v>
                </c:pt>
                <c:pt idx="825" formatCode="mm/dd/yyyy">
                  <c:v>42801</c:v>
                </c:pt>
                <c:pt idx="826" formatCode="mm/dd/yyyy">
                  <c:v>42802</c:v>
                </c:pt>
                <c:pt idx="827" formatCode="mm/dd/yyyy">
                  <c:v>42803</c:v>
                </c:pt>
                <c:pt idx="828" formatCode="mm/dd/yyyy">
                  <c:v>42804</c:v>
                </c:pt>
                <c:pt idx="829" formatCode="mm/dd/yyyy">
                  <c:v>42807</c:v>
                </c:pt>
                <c:pt idx="830" formatCode="mm/dd/yyyy">
                  <c:v>42808</c:v>
                </c:pt>
                <c:pt idx="831" formatCode="mm/dd/yyyy">
                  <c:v>42809</c:v>
                </c:pt>
                <c:pt idx="832" formatCode="mm/dd/yyyy">
                  <c:v>42810</c:v>
                </c:pt>
                <c:pt idx="833" formatCode="mm/dd/yyyy">
                  <c:v>42811</c:v>
                </c:pt>
                <c:pt idx="834" formatCode="mm/dd/yyyy">
                  <c:v>42814</c:v>
                </c:pt>
                <c:pt idx="835" formatCode="mm/dd/yyyy">
                  <c:v>42815</c:v>
                </c:pt>
                <c:pt idx="836" formatCode="mm/dd/yyyy">
                  <c:v>42816</c:v>
                </c:pt>
                <c:pt idx="837" formatCode="mm/dd/yyyy">
                  <c:v>42817</c:v>
                </c:pt>
                <c:pt idx="838" formatCode="mm/dd/yyyy">
                  <c:v>42818</c:v>
                </c:pt>
                <c:pt idx="839" formatCode="mm/dd/yyyy">
                  <c:v>42821</c:v>
                </c:pt>
                <c:pt idx="840" formatCode="mm/dd/yyyy">
                  <c:v>42822</c:v>
                </c:pt>
                <c:pt idx="841" formatCode="mm/dd/yyyy">
                  <c:v>42823</c:v>
                </c:pt>
                <c:pt idx="842" formatCode="mm/dd/yyyy">
                  <c:v>42824</c:v>
                </c:pt>
                <c:pt idx="843" formatCode="mm/dd/yyyy">
                  <c:v>42825</c:v>
                </c:pt>
                <c:pt idx="844" formatCode="mm/dd/yyyy">
                  <c:v>42828</c:v>
                </c:pt>
                <c:pt idx="845" formatCode="mm/dd/yyyy">
                  <c:v>42829</c:v>
                </c:pt>
                <c:pt idx="846" formatCode="mm/dd/yyyy">
                  <c:v>42830</c:v>
                </c:pt>
                <c:pt idx="847" formatCode="mm/dd/yyyy">
                  <c:v>42831</c:v>
                </c:pt>
                <c:pt idx="848" formatCode="mm/dd/yyyy">
                  <c:v>42832</c:v>
                </c:pt>
                <c:pt idx="849" formatCode="mm/dd/yyyy">
                  <c:v>42835</c:v>
                </c:pt>
                <c:pt idx="850" formatCode="mm/dd/yyyy">
                  <c:v>42836</c:v>
                </c:pt>
                <c:pt idx="851" formatCode="mm/dd/yyyy">
                  <c:v>42837</c:v>
                </c:pt>
                <c:pt idx="852" formatCode="mm/dd/yyyy">
                  <c:v>42838</c:v>
                </c:pt>
                <c:pt idx="853" formatCode="mm/dd/yyyy">
                  <c:v>42842</c:v>
                </c:pt>
                <c:pt idx="854" formatCode="mm/dd/yyyy">
                  <c:v>42843</c:v>
                </c:pt>
                <c:pt idx="855" formatCode="mm/dd/yyyy">
                  <c:v>42844</c:v>
                </c:pt>
                <c:pt idx="856" formatCode="mm/dd/yyyy">
                  <c:v>42845</c:v>
                </c:pt>
                <c:pt idx="857" formatCode="mm/dd/yyyy">
                  <c:v>42846</c:v>
                </c:pt>
                <c:pt idx="858" formatCode="mm/dd/yyyy">
                  <c:v>42849</c:v>
                </c:pt>
                <c:pt idx="859" formatCode="mm/dd/yyyy">
                  <c:v>42850</c:v>
                </c:pt>
                <c:pt idx="860" formatCode="mm/dd/yyyy">
                  <c:v>42851</c:v>
                </c:pt>
                <c:pt idx="861" formatCode="mm/dd/yyyy">
                  <c:v>42852</c:v>
                </c:pt>
                <c:pt idx="862" formatCode="mm/dd/yyyy">
                  <c:v>42853</c:v>
                </c:pt>
                <c:pt idx="863" formatCode="mm/dd/yyyy">
                  <c:v>42856</c:v>
                </c:pt>
                <c:pt idx="864" formatCode="mm/dd/yyyy">
                  <c:v>42857</c:v>
                </c:pt>
                <c:pt idx="865" formatCode="mm/dd/yyyy">
                  <c:v>42858</c:v>
                </c:pt>
                <c:pt idx="866" formatCode="mm/dd/yyyy">
                  <c:v>42859</c:v>
                </c:pt>
                <c:pt idx="867" formatCode="mm/dd/yyyy">
                  <c:v>42860</c:v>
                </c:pt>
                <c:pt idx="868" formatCode="mm/dd/yyyy">
                  <c:v>42863</c:v>
                </c:pt>
                <c:pt idx="869" formatCode="mm/dd/yyyy">
                  <c:v>42864</c:v>
                </c:pt>
                <c:pt idx="870" formatCode="mm/dd/yyyy">
                  <c:v>42865</c:v>
                </c:pt>
                <c:pt idx="871" formatCode="mm/dd/yyyy">
                  <c:v>42866</c:v>
                </c:pt>
                <c:pt idx="872" formatCode="mm/dd/yyyy">
                  <c:v>42867</c:v>
                </c:pt>
                <c:pt idx="873" formatCode="mm/dd/yyyy">
                  <c:v>42870</c:v>
                </c:pt>
                <c:pt idx="874" formatCode="mm/dd/yyyy">
                  <c:v>42871</c:v>
                </c:pt>
                <c:pt idx="875" formatCode="mm/dd/yyyy">
                  <c:v>42872</c:v>
                </c:pt>
                <c:pt idx="876" formatCode="mm/dd/yyyy">
                  <c:v>42873</c:v>
                </c:pt>
                <c:pt idx="877" formatCode="mm/dd/yyyy">
                  <c:v>42874</c:v>
                </c:pt>
                <c:pt idx="878" formatCode="mm/dd/yyyy">
                  <c:v>42877</c:v>
                </c:pt>
                <c:pt idx="879" formatCode="mm/dd/yyyy">
                  <c:v>42878</c:v>
                </c:pt>
                <c:pt idx="880" formatCode="mm/dd/yyyy">
                  <c:v>42879</c:v>
                </c:pt>
                <c:pt idx="881" formatCode="mm/dd/yyyy">
                  <c:v>42880</c:v>
                </c:pt>
                <c:pt idx="882" formatCode="mm/dd/yyyy">
                  <c:v>42881</c:v>
                </c:pt>
                <c:pt idx="883" formatCode="mm/dd/yyyy">
                  <c:v>42884</c:v>
                </c:pt>
                <c:pt idx="884" formatCode="mm/dd/yyyy">
                  <c:v>42885</c:v>
                </c:pt>
                <c:pt idx="885" formatCode="mm/dd/yyyy">
                  <c:v>42886</c:v>
                </c:pt>
                <c:pt idx="886" formatCode="mm/dd/yyyy">
                  <c:v>42887</c:v>
                </c:pt>
                <c:pt idx="887" formatCode="mm/dd/yyyy">
                  <c:v>42888</c:v>
                </c:pt>
                <c:pt idx="888" formatCode="mm/dd/yyyy">
                  <c:v>42891</c:v>
                </c:pt>
                <c:pt idx="889" formatCode="mm/dd/yyyy">
                  <c:v>42892</c:v>
                </c:pt>
                <c:pt idx="890" formatCode="mm/dd/yyyy">
                  <c:v>42893</c:v>
                </c:pt>
                <c:pt idx="891" formatCode="mm/dd/yyyy">
                  <c:v>42894</c:v>
                </c:pt>
                <c:pt idx="892" formatCode="mm/dd/yyyy">
                  <c:v>42895</c:v>
                </c:pt>
                <c:pt idx="893" formatCode="mm/dd/yyyy">
                  <c:v>42898</c:v>
                </c:pt>
                <c:pt idx="894" formatCode="mm/dd/yyyy">
                  <c:v>42899</c:v>
                </c:pt>
                <c:pt idx="895" formatCode="mm/dd/yyyy">
                  <c:v>42900</c:v>
                </c:pt>
                <c:pt idx="896" formatCode="mm/dd/yyyy">
                  <c:v>42901</c:v>
                </c:pt>
                <c:pt idx="897" formatCode="mm/dd/yyyy">
                  <c:v>42902</c:v>
                </c:pt>
                <c:pt idx="898" formatCode="mm/dd/yyyy">
                  <c:v>42905</c:v>
                </c:pt>
                <c:pt idx="899" formatCode="mm/dd/yyyy">
                  <c:v>42906</c:v>
                </c:pt>
                <c:pt idx="900" formatCode="mm/dd/yyyy">
                  <c:v>42907</c:v>
                </c:pt>
                <c:pt idx="901" formatCode="mm/dd/yyyy">
                  <c:v>42908</c:v>
                </c:pt>
                <c:pt idx="902" formatCode="mm/dd/yyyy">
                  <c:v>42909</c:v>
                </c:pt>
                <c:pt idx="903" formatCode="mm/dd/yyyy">
                  <c:v>42912</c:v>
                </c:pt>
                <c:pt idx="904" formatCode="mm/dd/yyyy">
                  <c:v>42913</c:v>
                </c:pt>
                <c:pt idx="905" formatCode="mm/dd/yyyy">
                  <c:v>42914</c:v>
                </c:pt>
                <c:pt idx="906" formatCode="mm/dd/yyyy">
                  <c:v>42915</c:v>
                </c:pt>
                <c:pt idx="907" formatCode="mm/dd/yyyy">
                  <c:v>42916</c:v>
                </c:pt>
                <c:pt idx="908" formatCode="mm/dd/yyyy">
                  <c:v>42919</c:v>
                </c:pt>
                <c:pt idx="909" formatCode="mm/dd/yyyy">
                  <c:v>42920</c:v>
                </c:pt>
                <c:pt idx="910" formatCode="mm/dd/yyyy">
                  <c:v>42921</c:v>
                </c:pt>
                <c:pt idx="911" formatCode="mm/dd/yyyy">
                  <c:v>42922</c:v>
                </c:pt>
                <c:pt idx="912" formatCode="mm/dd/yyyy">
                  <c:v>42923</c:v>
                </c:pt>
                <c:pt idx="913" formatCode="mm/dd/yyyy">
                  <c:v>42926</c:v>
                </c:pt>
                <c:pt idx="914" formatCode="mm/dd/yyyy">
                  <c:v>42927</c:v>
                </c:pt>
                <c:pt idx="915" formatCode="mm/dd/yyyy">
                  <c:v>42928</c:v>
                </c:pt>
                <c:pt idx="916" formatCode="mm/dd/yyyy">
                  <c:v>42929</c:v>
                </c:pt>
                <c:pt idx="917" formatCode="mm/dd/yyyy">
                  <c:v>42930</c:v>
                </c:pt>
                <c:pt idx="918" formatCode="mm/dd/yyyy">
                  <c:v>42933</c:v>
                </c:pt>
                <c:pt idx="919" formatCode="mm/dd/yyyy">
                  <c:v>42934</c:v>
                </c:pt>
                <c:pt idx="920" formatCode="mm/dd/yyyy">
                  <c:v>42935</c:v>
                </c:pt>
                <c:pt idx="921" formatCode="mm/dd/yyyy">
                  <c:v>42936</c:v>
                </c:pt>
                <c:pt idx="922" formatCode="mm/dd/yyyy">
                  <c:v>42937</c:v>
                </c:pt>
                <c:pt idx="923" formatCode="mm/dd/yyyy">
                  <c:v>42940</c:v>
                </c:pt>
                <c:pt idx="924" formatCode="mm/dd/yyyy">
                  <c:v>42941</c:v>
                </c:pt>
                <c:pt idx="925" formatCode="mm/dd/yyyy">
                  <c:v>42942</c:v>
                </c:pt>
                <c:pt idx="926" formatCode="mm/dd/yyyy">
                  <c:v>42943</c:v>
                </c:pt>
                <c:pt idx="927" formatCode="mm/dd/yyyy">
                  <c:v>42944</c:v>
                </c:pt>
                <c:pt idx="928" formatCode="mm/dd/yyyy">
                  <c:v>42947</c:v>
                </c:pt>
                <c:pt idx="929" formatCode="mm/dd/yyyy">
                  <c:v>42948</c:v>
                </c:pt>
                <c:pt idx="930" formatCode="mm/dd/yyyy">
                  <c:v>42949</c:v>
                </c:pt>
                <c:pt idx="931" formatCode="mm/dd/yyyy">
                  <c:v>42950</c:v>
                </c:pt>
                <c:pt idx="932" formatCode="mm/dd/yyyy">
                  <c:v>42951</c:v>
                </c:pt>
                <c:pt idx="933" formatCode="mm/dd/yyyy">
                  <c:v>42954</c:v>
                </c:pt>
                <c:pt idx="934" formatCode="mm/dd/yyyy">
                  <c:v>42955</c:v>
                </c:pt>
                <c:pt idx="935" formatCode="mm/dd/yyyy">
                  <c:v>42956</c:v>
                </c:pt>
                <c:pt idx="936" formatCode="mm/dd/yyyy">
                  <c:v>42957</c:v>
                </c:pt>
                <c:pt idx="937" formatCode="mm/dd/yyyy">
                  <c:v>42958</c:v>
                </c:pt>
                <c:pt idx="938" formatCode="mm/dd/yyyy">
                  <c:v>42961</c:v>
                </c:pt>
                <c:pt idx="939" formatCode="mm/dd/yyyy">
                  <c:v>42962</c:v>
                </c:pt>
                <c:pt idx="940" formatCode="mm/dd/yyyy">
                  <c:v>42963</c:v>
                </c:pt>
                <c:pt idx="941" formatCode="mm/dd/yyyy">
                  <c:v>42964</c:v>
                </c:pt>
                <c:pt idx="942" formatCode="mm/dd/yyyy">
                  <c:v>42965</c:v>
                </c:pt>
                <c:pt idx="943" formatCode="mm/dd/yyyy">
                  <c:v>42968</c:v>
                </c:pt>
                <c:pt idx="944" formatCode="mm/dd/yyyy">
                  <c:v>42969</c:v>
                </c:pt>
                <c:pt idx="945" formatCode="mm/dd/yyyy">
                  <c:v>42970</c:v>
                </c:pt>
                <c:pt idx="946" formatCode="mm/dd/yyyy">
                  <c:v>42971</c:v>
                </c:pt>
                <c:pt idx="947" formatCode="mm/dd/yyyy">
                  <c:v>42972</c:v>
                </c:pt>
                <c:pt idx="948" formatCode="mm/dd/yyyy">
                  <c:v>42975</c:v>
                </c:pt>
                <c:pt idx="949" formatCode="mm/dd/yyyy">
                  <c:v>42976</c:v>
                </c:pt>
                <c:pt idx="950" formatCode="mm/dd/yyyy">
                  <c:v>42977</c:v>
                </c:pt>
                <c:pt idx="951" formatCode="mm/dd/yyyy">
                  <c:v>42978</c:v>
                </c:pt>
                <c:pt idx="952" formatCode="mm/dd/yyyy">
                  <c:v>42979</c:v>
                </c:pt>
                <c:pt idx="953" formatCode="mm/dd/yyyy">
                  <c:v>42982</c:v>
                </c:pt>
                <c:pt idx="954" formatCode="mm/dd/yyyy">
                  <c:v>42983</c:v>
                </c:pt>
                <c:pt idx="955" formatCode="mm/dd/yyyy">
                  <c:v>42984</c:v>
                </c:pt>
                <c:pt idx="956" formatCode="mm/dd/yyyy">
                  <c:v>42985</c:v>
                </c:pt>
                <c:pt idx="957" formatCode="mm/dd/yyyy">
                  <c:v>42986</c:v>
                </c:pt>
                <c:pt idx="958" formatCode="mm/dd/yyyy">
                  <c:v>42989</c:v>
                </c:pt>
                <c:pt idx="959" formatCode="mm/dd/yyyy">
                  <c:v>42990</c:v>
                </c:pt>
                <c:pt idx="960" formatCode="mm/dd/yyyy">
                  <c:v>42991</c:v>
                </c:pt>
                <c:pt idx="961" formatCode="mm/dd/yyyy">
                  <c:v>42992</c:v>
                </c:pt>
                <c:pt idx="962" formatCode="mm/dd/yyyy">
                  <c:v>42993</c:v>
                </c:pt>
                <c:pt idx="963" formatCode="mm/dd/yyyy">
                  <c:v>42996</c:v>
                </c:pt>
                <c:pt idx="964" formatCode="mm/dd/yyyy">
                  <c:v>42997</c:v>
                </c:pt>
                <c:pt idx="965" formatCode="mm/dd/yyyy">
                  <c:v>42998</c:v>
                </c:pt>
                <c:pt idx="966" formatCode="mm/dd/yyyy">
                  <c:v>42999</c:v>
                </c:pt>
                <c:pt idx="967" formatCode="mm/dd/yyyy">
                  <c:v>43000</c:v>
                </c:pt>
                <c:pt idx="968" formatCode="mm/dd/yyyy">
                  <c:v>43003</c:v>
                </c:pt>
                <c:pt idx="969" formatCode="mm/dd/yyyy">
                  <c:v>43004</c:v>
                </c:pt>
                <c:pt idx="970" formatCode="mm/dd/yyyy">
                  <c:v>43005</c:v>
                </c:pt>
                <c:pt idx="971" formatCode="mm/dd/yyyy">
                  <c:v>43006</c:v>
                </c:pt>
                <c:pt idx="972" formatCode="mm/dd/yyyy">
                  <c:v>43007</c:v>
                </c:pt>
                <c:pt idx="973" formatCode="mm/dd/yyyy">
                  <c:v>43010</c:v>
                </c:pt>
                <c:pt idx="974" formatCode="mm/dd/yyyy">
                  <c:v>43011</c:v>
                </c:pt>
                <c:pt idx="975" formatCode="mm/dd/yyyy">
                  <c:v>43012</c:v>
                </c:pt>
                <c:pt idx="976" formatCode="mm/dd/yyyy">
                  <c:v>43013</c:v>
                </c:pt>
                <c:pt idx="977" formatCode="mm/dd/yyyy">
                  <c:v>43014</c:v>
                </c:pt>
                <c:pt idx="978" formatCode="mm/dd/yyyy">
                  <c:v>43017</c:v>
                </c:pt>
                <c:pt idx="979" formatCode="mm/dd/yyyy">
                  <c:v>43018</c:v>
                </c:pt>
                <c:pt idx="980" formatCode="mm/dd/yyyy">
                  <c:v>43019</c:v>
                </c:pt>
                <c:pt idx="981" formatCode="mm/dd/yyyy">
                  <c:v>43020</c:v>
                </c:pt>
                <c:pt idx="982" formatCode="mm/dd/yyyy">
                  <c:v>43021</c:v>
                </c:pt>
                <c:pt idx="983" formatCode="mm/dd/yyyy">
                  <c:v>43024</c:v>
                </c:pt>
                <c:pt idx="984" formatCode="mm/dd/yyyy">
                  <c:v>43025</c:v>
                </c:pt>
                <c:pt idx="985" formatCode="mm/dd/yyyy">
                  <c:v>43026</c:v>
                </c:pt>
                <c:pt idx="986" formatCode="mm/dd/yyyy">
                  <c:v>43027</c:v>
                </c:pt>
                <c:pt idx="987" formatCode="mm/dd/yyyy">
                  <c:v>43028</c:v>
                </c:pt>
                <c:pt idx="988" formatCode="mm/dd/yyyy">
                  <c:v>43031</c:v>
                </c:pt>
                <c:pt idx="989" formatCode="mm/dd/yyyy">
                  <c:v>43032</c:v>
                </c:pt>
                <c:pt idx="990" formatCode="mm/dd/yyyy">
                  <c:v>43033</c:v>
                </c:pt>
                <c:pt idx="991" formatCode="mm/dd/yyyy">
                  <c:v>43034</c:v>
                </c:pt>
                <c:pt idx="992" formatCode="mm/dd/yyyy">
                  <c:v>43035</c:v>
                </c:pt>
                <c:pt idx="993" formatCode="mm/dd/yyyy">
                  <c:v>43038</c:v>
                </c:pt>
                <c:pt idx="994" formatCode="mm/dd/yyyy">
                  <c:v>43039</c:v>
                </c:pt>
                <c:pt idx="995" formatCode="mm/dd/yyyy">
                  <c:v>43040</c:v>
                </c:pt>
                <c:pt idx="996" formatCode="mm/dd/yyyy">
                  <c:v>43041</c:v>
                </c:pt>
                <c:pt idx="997" formatCode="mm/dd/yyyy">
                  <c:v>43042</c:v>
                </c:pt>
                <c:pt idx="998" formatCode="mm/dd/yyyy">
                  <c:v>43045</c:v>
                </c:pt>
                <c:pt idx="999" formatCode="mm/dd/yyyy">
                  <c:v>43046</c:v>
                </c:pt>
                <c:pt idx="1000" formatCode="mm/dd/yyyy">
                  <c:v>43047</c:v>
                </c:pt>
                <c:pt idx="1001" formatCode="mm/dd/yyyy">
                  <c:v>43048</c:v>
                </c:pt>
                <c:pt idx="1002" formatCode="mm/dd/yyyy">
                  <c:v>43049</c:v>
                </c:pt>
                <c:pt idx="1003" formatCode="mm/dd/yyyy">
                  <c:v>43052</c:v>
                </c:pt>
                <c:pt idx="1004" formatCode="mm/dd/yyyy">
                  <c:v>43053</c:v>
                </c:pt>
                <c:pt idx="1005" formatCode="mm/dd/yyyy">
                  <c:v>43054</c:v>
                </c:pt>
                <c:pt idx="1006" formatCode="mm/dd/yyyy">
                  <c:v>43055</c:v>
                </c:pt>
                <c:pt idx="1007" formatCode="mm/dd/yyyy">
                  <c:v>43056</c:v>
                </c:pt>
                <c:pt idx="1008" formatCode="mm/dd/yyyy">
                  <c:v>43059</c:v>
                </c:pt>
                <c:pt idx="1009" formatCode="mm/dd/yyyy">
                  <c:v>43060</c:v>
                </c:pt>
                <c:pt idx="1010" formatCode="mm/dd/yyyy">
                  <c:v>43061</c:v>
                </c:pt>
                <c:pt idx="1011" formatCode="mm/dd/yyyy">
                  <c:v>43062</c:v>
                </c:pt>
                <c:pt idx="1012" formatCode="mm/dd/yyyy">
                  <c:v>43063</c:v>
                </c:pt>
                <c:pt idx="1013" formatCode="mm/dd/yyyy">
                  <c:v>43066</c:v>
                </c:pt>
                <c:pt idx="1014" formatCode="mm/dd/yyyy">
                  <c:v>43067</c:v>
                </c:pt>
                <c:pt idx="1015" formatCode="mm/dd/yyyy">
                  <c:v>43068</c:v>
                </c:pt>
                <c:pt idx="1016" formatCode="mm/dd/yyyy">
                  <c:v>43069</c:v>
                </c:pt>
                <c:pt idx="1017" formatCode="mm/dd/yyyy">
                  <c:v>43070</c:v>
                </c:pt>
                <c:pt idx="1018" formatCode="mm/dd/yyyy">
                  <c:v>43073</c:v>
                </c:pt>
                <c:pt idx="1019" formatCode="mm/dd/yyyy">
                  <c:v>43074</c:v>
                </c:pt>
                <c:pt idx="1020" formatCode="mm/dd/yyyy">
                  <c:v>43075</c:v>
                </c:pt>
                <c:pt idx="1021" formatCode="mm/dd/yyyy">
                  <c:v>43076</c:v>
                </c:pt>
                <c:pt idx="1022" formatCode="mm/dd/yyyy">
                  <c:v>43077</c:v>
                </c:pt>
                <c:pt idx="1023" formatCode="mm/dd/yyyy">
                  <c:v>43080</c:v>
                </c:pt>
                <c:pt idx="1024" formatCode="mm/dd/yyyy">
                  <c:v>43081</c:v>
                </c:pt>
                <c:pt idx="1025" formatCode="mm/dd/yyyy">
                  <c:v>43082</c:v>
                </c:pt>
                <c:pt idx="1026" formatCode="mm/dd/yyyy">
                  <c:v>43083</c:v>
                </c:pt>
                <c:pt idx="1027" formatCode="mm/dd/yyyy">
                  <c:v>43084</c:v>
                </c:pt>
                <c:pt idx="1028" formatCode="mm/dd/yyyy">
                  <c:v>43087</c:v>
                </c:pt>
                <c:pt idx="1029" formatCode="mm/dd/yyyy">
                  <c:v>43088</c:v>
                </c:pt>
                <c:pt idx="1030" formatCode="mm/dd/yyyy">
                  <c:v>43089</c:v>
                </c:pt>
                <c:pt idx="1031" formatCode="mm/dd/yyyy">
                  <c:v>43090</c:v>
                </c:pt>
                <c:pt idx="1032" formatCode="mm/dd/yyyy">
                  <c:v>43091</c:v>
                </c:pt>
                <c:pt idx="1033" formatCode="mm/dd/yyyy">
                  <c:v>43094</c:v>
                </c:pt>
                <c:pt idx="1034" formatCode="mm/dd/yyyy">
                  <c:v>43095</c:v>
                </c:pt>
                <c:pt idx="1035" formatCode="mm/dd/yyyy">
                  <c:v>43096</c:v>
                </c:pt>
                <c:pt idx="1036" formatCode="mm/dd/yyyy">
                  <c:v>43097</c:v>
                </c:pt>
                <c:pt idx="1037" formatCode="mm/dd/yyyy">
                  <c:v>43098</c:v>
                </c:pt>
                <c:pt idx="1038" formatCode="mm/dd/yyyy">
                  <c:v>43101</c:v>
                </c:pt>
                <c:pt idx="1039" formatCode="mm/dd/yyyy">
                  <c:v>43102</c:v>
                </c:pt>
                <c:pt idx="1040" formatCode="mm/dd/yyyy">
                  <c:v>43103</c:v>
                </c:pt>
                <c:pt idx="1041" formatCode="mm/dd/yyyy">
                  <c:v>43104</c:v>
                </c:pt>
                <c:pt idx="1042" formatCode="mm/dd/yyyy">
                  <c:v>43105</c:v>
                </c:pt>
                <c:pt idx="1043" formatCode="mm/dd/yyyy">
                  <c:v>43108</c:v>
                </c:pt>
                <c:pt idx="1044" formatCode="mm/dd/yyyy">
                  <c:v>43109</c:v>
                </c:pt>
                <c:pt idx="1045" formatCode="mm/dd/yyyy">
                  <c:v>43110</c:v>
                </c:pt>
                <c:pt idx="1046" formatCode="mm/dd/yyyy">
                  <c:v>43111</c:v>
                </c:pt>
                <c:pt idx="1047" formatCode="mm/dd/yyyy">
                  <c:v>43112</c:v>
                </c:pt>
                <c:pt idx="1048" formatCode="mm/dd/yyyy">
                  <c:v>43115</c:v>
                </c:pt>
                <c:pt idx="1049" formatCode="mm/dd/yyyy">
                  <c:v>43116</c:v>
                </c:pt>
                <c:pt idx="1050" formatCode="mm/dd/yyyy">
                  <c:v>43117</c:v>
                </c:pt>
                <c:pt idx="1051" formatCode="mm/dd/yyyy">
                  <c:v>43118</c:v>
                </c:pt>
                <c:pt idx="1052" formatCode="mm/dd/yyyy">
                  <c:v>43119</c:v>
                </c:pt>
                <c:pt idx="1053" formatCode="mm/dd/yyyy">
                  <c:v>43122</c:v>
                </c:pt>
                <c:pt idx="1054" formatCode="mm/dd/yyyy">
                  <c:v>43123</c:v>
                </c:pt>
                <c:pt idx="1055" formatCode="mm/dd/yyyy">
                  <c:v>43124</c:v>
                </c:pt>
                <c:pt idx="1056" formatCode="mm/dd/yyyy">
                  <c:v>43125</c:v>
                </c:pt>
                <c:pt idx="1057" formatCode="mm/dd/yyyy">
                  <c:v>43126</c:v>
                </c:pt>
                <c:pt idx="1058" formatCode="mm/dd/yyyy">
                  <c:v>43129</c:v>
                </c:pt>
                <c:pt idx="1059" formatCode="mm/dd/yyyy">
                  <c:v>43130</c:v>
                </c:pt>
                <c:pt idx="1060" formatCode="mm/dd/yyyy">
                  <c:v>43131</c:v>
                </c:pt>
                <c:pt idx="1061" formatCode="mm/dd/yyyy">
                  <c:v>43132</c:v>
                </c:pt>
                <c:pt idx="1062" formatCode="mm/dd/yyyy">
                  <c:v>43133</c:v>
                </c:pt>
                <c:pt idx="1063" formatCode="mm/dd/yyyy">
                  <c:v>43136</c:v>
                </c:pt>
                <c:pt idx="1064" formatCode="mm/dd/yyyy">
                  <c:v>43137</c:v>
                </c:pt>
                <c:pt idx="1065" formatCode="mm/dd/yyyy">
                  <c:v>43138</c:v>
                </c:pt>
                <c:pt idx="1066" formatCode="mm/dd/yyyy">
                  <c:v>43139</c:v>
                </c:pt>
                <c:pt idx="1067" formatCode="mm/dd/yyyy">
                  <c:v>43140</c:v>
                </c:pt>
                <c:pt idx="1068" formatCode="mm/dd/yyyy">
                  <c:v>43143</c:v>
                </c:pt>
                <c:pt idx="1069" formatCode="mm/dd/yyyy">
                  <c:v>43144</c:v>
                </c:pt>
                <c:pt idx="1070" formatCode="mm/dd/yyyy">
                  <c:v>43145</c:v>
                </c:pt>
                <c:pt idx="1071" formatCode="mm/dd/yyyy">
                  <c:v>43146</c:v>
                </c:pt>
                <c:pt idx="1072" formatCode="mm/dd/yyyy">
                  <c:v>43147</c:v>
                </c:pt>
                <c:pt idx="1073" formatCode="mm/dd/yyyy">
                  <c:v>43150</c:v>
                </c:pt>
                <c:pt idx="1074" formatCode="mm/dd/yyyy">
                  <c:v>43151</c:v>
                </c:pt>
                <c:pt idx="1075" formatCode="mm/dd/yyyy">
                  <c:v>43152</c:v>
                </c:pt>
                <c:pt idx="1076" formatCode="mm/dd/yyyy">
                  <c:v>43153</c:v>
                </c:pt>
                <c:pt idx="1077" formatCode="mm/dd/yyyy">
                  <c:v>43154</c:v>
                </c:pt>
                <c:pt idx="1078" formatCode="mm/dd/yyyy">
                  <c:v>43157</c:v>
                </c:pt>
                <c:pt idx="1079" formatCode="mm/dd/yyyy">
                  <c:v>43158</c:v>
                </c:pt>
                <c:pt idx="1080" formatCode="mm/dd/yyyy">
                  <c:v>43159</c:v>
                </c:pt>
                <c:pt idx="1081" formatCode="mm/dd/yyyy">
                  <c:v>43160</c:v>
                </c:pt>
                <c:pt idx="1082" formatCode="mm/dd/yyyy">
                  <c:v>43161</c:v>
                </c:pt>
                <c:pt idx="1083" formatCode="mm/dd/yyyy">
                  <c:v>43164</c:v>
                </c:pt>
                <c:pt idx="1084" formatCode="mm/dd/yyyy">
                  <c:v>43165</c:v>
                </c:pt>
                <c:pt idx="1085" formatCode="mm/dd/yyyy">
                  <c:v>43166</c:v>
                </c:pt>
                <c:pt idx="1086" formatCode="mm/dd/yyyy">
                  <c:v>43167</c:v>
                </c:pt>
                <c:pt idx="1087" formatCode="mm/dd/yyyy">
                  <c:v>43168</c:v>
                </c:pt>
                <c:pt idx="1088" formatCode="mm/dd/yyyy">
                  <c:v>43171</c:v>
                </c:pt>
                <c:pt idx="1089" formatCode="mm/dd/yyyy">
                  <c:v>43172</c:v>
                </c:pt>
                <c:pt idx="1090" formatCode="mm/dd/yyyy">
                  <c:v>43173</c:v>
                </c:pt>
                <c:pt idx="1091" formatCode="mm/dd/yyyy">
                  <c:v>43174</c:v>
                </c:pt>
                <c:pt idx="1092" formatCode="mm/dd/yyyy">
                  <c:v>43175</c:v>
                </c:pt>
                <c:pt idx="1093" formatCode="mm/dd/yyyy">
                  <c:v>43176</c:v>
                </c:pt>
                <c:pt idx="1094" formatCode="mm/dd/yyyy">
                  <c:v>43179</c:v>
                </c:pt>
                <c:pt idx="1095" formatCode="mm/dd/yyyy">
                  <c:v>43180</c:v>
                </c:pt>
                <c:pt idx="1096" formatCode="mm/dd/yyyy">
                  <c:v>43181</c:v>
                </c:pt>
                <c:pt idx="1097" formatCode="mm/dd/yyyy">
                  <c:v>43182</c:v>
                </c:pt>
                <c:pt idx="1098" formatCode="mm/dd/yyyy">
                  <c:v>43183</c:v>
                </c:pt>
                <c:pt idx="1099" formatCode="mm/dd/yyyy">
                  <c:v>43186</c:v>
                </c:pt>
                <c:pt idx="1100" formatCode="mm/dd/yyyy">
                  <c:v>43187</c:v>
                </c:pt>
                <c:pt idx="1101" formatCode="mm/dd/yyyy">
                  <c:v>43188</c:v>
                </c:pt>
                <c:pt idx="1102" formatCode="mm/dd/yyyy">
                  <c:v>43189</c:v>
                </c:pt>
                <c:pt idx="1103" formatCode="mm/dd/yyyy">
                  <c:v>43190</c:v>
                </c:pt>
                <c:pt idx="1104" formatCode="mm/dd/yyyy">
                  <c:v>43193</c:v>
                </c:pt>
                <c:pt idx="1105" formatCode="mm/dd/yyyy">
                  <c:v>43194</c:v>
                </c:pt>
                <c:pt idx="1106" formatCode="mm/dd/yyyy">
                  <c:v>43195</c:v>
                </c:pt>
                <c:pt idx="1107" formatCode="mm/dd/yyyy">
                  <c:v>43196</c:v>
                </c:pt>
                <c:pt idx="1108" formatCode="mm/dd/yyyy">
                  <c:v>43197</c:v>
                </c:pt>
                <c:pt idx="1109" formatCode="mm/dd/yyyy">
                  <c:v>43200</c:v>
                </c:pt>
                <c:pt idx="1110" formatCode="mm/dd/yyyy">
                  <c:v>43201</c:v>
                </c:pt>
                <c:pt idx="1111" formatCode="mm/dd/yyyy">
                  <c:v>43202</c:v>
                </c:pt>
                <c:pt idx="1112" formatCode="mm/dd/yyyy">
                  <c:v>43203</c:v>
                </c:pt>
                <c:pt idx="1113" formatCode="mm/dd/yyyy">
                  <c:v>43207</c:v>
                </c:pt>
                <c:pt idx="1114" formatCode="mm/dd/yyyy">
                  <c:v>43208</c:v>
                </c:pt>
                <c:pt idx="1115" formatCode="mm/dd/yyyy">
                  <c:v>43209</c:v>
                </c:pt>
                <c:pt idx="1116" formatCode="mm/dd/yyyy">
                  <c:v>43210</c:v>
                </c:pt>
                <c:pt idx="1117" formatCode="mm/dd/yyyy">
                  <c:v>43211</c:v>
                </c:pt>
                <c:pt idx="1118" formatCode="mm/dd/yyyy">
                  <c:v>43214</c:v>
                </c:pt>
                <c:pt idx="1119" formatCode="mm/dd/yyyy">
                  <c:v>43215</c:v>
                </c:pt>
                <c:pt idx="1120" formatCode="mm/dd/yyyy">
                  <c:v>43216</c:v>
                </c:pt>
                <c:pt idx="1121" formatCode="mm/dd/yyyy">
                  <c:v>43217</c:v>
                </c:pt>
                <c:pt idx="1122" formatCode="mm/dd/yyyy">
                  <c:v>43218</c:v>
                </c:pt>
                <c:pt idx="1123" formatCode="mm/dd/yyyy">
                  <c:v>43221</c:v>
                </c:pt>
                <c:pt idx="1124" formatCode="mm/dd/yyyy">
                  <c:v>43222</c:v>
                </c:pt>
                <c:pt idx="1125" formatCode="mm/dd/yyyy">
                  <c:v>43223</c:v>
                </c:pt>
                <c:pt idx="1126" formatCode="mm/dd/yyyy">
                  <c:v>43224</c:v>
                </c:pt>
                <c:pt idx="1127" formatCode="mm/dd/yyyy">
                  <c:v>43225</c:v>
                </c:pt>
                <c:pt idx="1128" formatCode="mm/dd/yyyy">
                  <c:v>43228</c:v>
                </c:pt>
                <c:pt idx="1129" formatCode="mm/dd/yyyy">
                  <c:v>43229</c:v>
                </c:pt>
                <c:pt idx="1130" formatCode="mm/dd/yyyy">
                  <c:v>43230</c:v>
                </c:pt>
                <c:pt idx="1131" formatCode="mm/dd/yyyy">
                  <c:v>43231</c:v>
                </c:pt>
                <c:pt idx="1132" formatCode="mm/dd/yyyy">
                  <c:v>43232</c:v>
                </c:pt>
                <c:pt idx="1133" formatCode="mm/dd/yyyy">
                  <c:v>43235</c:v>
                </c:pt>
                <c:pt idx="1134" formatCode="mm/dd/yyyy">
                  <c:v>43236</c:v>
                </c:pt>
                <c:pt idx="1135" formatCode="mm/dd/yyyy">
                  <c:v>43237</c:v>
                </c:pt>
                <c:pt idx="1136" formatCode="mm/dd/yyyy">
                  <c:v>43238</c:v>
                </c:pt>
                <c:pt idx="1137" formatCode="mm/dd/yyyy">
                  <c:v>43239</c:v>
                </c:pt>
                <c:pt idx="1138" formatCode="mm/dd/yyyy">
                  <c:v>43242</c:v>
                </c:pt>
                <c:pt idx="1139" formatCode="mm/dd/yyyy">
                  <c:v>43243</c:v>
                </c:pt>
                <c:pt idx="1140" formatCode="mm/dd/yyyy">
                  <c:v>43244</c:v>
                </c:pt>
                <c:pt idx="1141" formatCode="mm/dd/yyyy">
                  <c:v>43245</c:v>
                </c:pt>
                <c:pt idx="1142" formatCode="mm/dd/yyyy">
                  <c:v>43246</c:v>
                </c:pt>
                <c:pt idx="1143" formatCode="mm/dd/yyyy">
                  <c:v>43249</c:v>
                </c:pt>
                <c:pt idx="1144" formatCode="mm/dd/yyyy">
                  <c:v>43250</c:v>
                </c:pt>
                <c:pt idx="1145" formatCode="mm/dd/yyyy">
                  <c:v>43251</c:v>
                </c:pt>
                <c:pt idx="1146" formatCode="mm/dd/yyyy">
                  <c:v>43252</c:v>
                </c:pt>
                <c:pt idx="1147" formatCode="mm/dd/yyyy">
                  <c:v>43253</c:v>
                </c:pt>
                <c:pt idx="1148" formatCode="mm/dd/yyyy">
                  <c:v>43256</c:v>
                </c:pt>
                <c:pt idx="1149" formatCode="mm/dd/yyyy">
                  <c:v>43257</c:v>
                </c:pt>
                <c:pt idx="1150" formatCode="mm/dd/yyyy">
                  <c:v>43258</c:v>
                </c:pt>
                <c:pt idx="1151" formatCode="mm/dd/yyyy">
                  <c:v>43259</c:v>
                </c:pt>
                <c:pt idx="1152" formatCode="mm/dd/yyyy">
                  <c:v>43260</c:v>
                </c:pt>
                <c:pt idx="1153" formatCode="mm/dd/yyyy">
                  <c:v>43263</c:v>
                </c:pt>
                <c:pt idx="1154" formatCode="mm/dd/yyyy">
                  <c:v>43264</c:v>
                </c:pt>
                <c:pt idx="1155" formatCode="mm/dd/yyyy">
                  <c:v>43265</c:v>
                </c:pt>
                <c:pt idx="1156" formatCode="mm/dd/yyyy">
                  <c:v>43266</c:v>
                </c:pt>
                <c:pt idx="1157" formatCode="mm/dd/yyyy">
                  <c:v>43267</c:v>
                </c:pt>
                <c:pt idx="1158" formatCode="mm/dd/yyyy">
                  <c:v>43270</c:v>
                </c:pt>
                <c:pt idx="1159" formatCode="mm/dd/yyyy">
                  <c:v>43271</c:v>
                </c:pt>
                <c:pt idx="1160" formatCode="mm/dd/yyyy">
                  <c:v>43272</c:v>
                </c:pt>
                <c:pt idx="1161" formatCode="mm/dd/yyyy">
                  <c:v>43273</c:v>
                </c:pt>
                <c:pt idx="1162" formatCode="mm/dd/yyyy">
                  <c:v>43274</c:v>
                </c:pt>
                <c:pt idx="1163" formatCode="mm/dd/yyyy">
                  <c:v>43277</c:v>
                </c:pt>
                <c:pt idx="1164" formatCode="mm/dd/yyyy">
                  <c:v>43278</c:v>
                </c:pt>
                <c:pt idx="1165" formatCode="mm/dd/yyyy">
                  <c:v>43279</c:v>
                </c:pt>
                <c:pt idx="1166" formatCode="mm/dd/yyyy">
                  <c:v>43280</c:v>
                </c:pt>
                <c:pt idx="1167" formatCode="mm/dd/yyyy">
                  <c:v>43281</c:v>
                </c:pt>
                <c:pt idx="1168" formatCode="mm/dd/yyyy">
                  <c:v>43284</c:v>
                </c:pt>
                <c:pt idx="1169" formatCode="mm/dd/yyyy">
                  <c:v>43285</c:v>
                </c:pt>
                <c:pt idx="1170" formatCode="mm/dd/yyyy">
                  <c:v>43286</c:v>
                </c:pt>
                <c:pt idx="1171" formatCode="mm/dd/yyyy">
                  <c:v>43287</c:v>
                </c:pt>
                <c:pt idx="1172" formatCode="mm/dd/yyyy">
                  <c:v>43288</c:v>
                </c:pt>
                <c:pt idx="1173" formatCode="mm/dd/yyyy">
                  <c:v>43291</c:v>
                </c:pt>
                <c:pt idx="1174" formatCode="mm/dd/yyyy">
                  <c:v>43292</c:v>
                </c:pt>
                <c:pt idx="1175" formatCode="mm/dd/yyyy">
                  <c:v>43293</c:v>
                </c:pt>
                <c:pt idx="1176" formatCode="mm/dd/yyyy">
                  <c:v>43294</c:v>
                </c:pt>
                <c:pt idx="1177" formatCode="mm/dd/yyyy">
                  <c:v>43295</c:v>
                </c:pt>
                <c:pt idx="1178" formatCode="mm/dd/yyyy">
                  <c:v>43298</c:v>
                </c:pt>
                <c:pt idx="1179" formatCode="mm/dd/yyyy">
                  <c:v>43299</c:v>
                </c:pt>
                <c:pt idx="1180" formatCode="mm/dd/yyyy">
                  <c:v>43300</c:v>
                </c:pt>
                <c:pt idx="1181" formatCode="mm/dd/yyyy">
                  <c:v>43301</c:v>
                </c:pt>
                <c:pt idx="1182" formatCode="mm/dd/yyyy">
                  <c:v>43302</c:v>
                </c:pt>
                <c:pt idx="1183" formatCode="mm/dd/yyyy">
                  <c:v>43305</c:v>
                </c:pt>
                <c:pt idx="1184" formatCode="mm/dd/yyyy">
                  <c:v>43306</c:v>
                </c:pt>
                <c:pt idx="1185" formatCode="mm/dd/yyyy">
                  <c:v>43307</c:v>
                </c:pt>
                <c:pt idx="1186" formatCode="mm/dd/yyyy">
                  <c:v>43308</c:v>
                </c:pt>
                <c:pt idx="1187" formatCode="mm/dd/yyyy">
                  <c:v>43309</c:v>
                </c:pt>
                <c:pt idx="1188" formatCode="mm/dd/yyyy">
                  <c:v>43312</c:v>
                </c:pt>
                <c:pt idx="1189" formatCode="mm/dd/yyyy">
                  <c:v>43313</c:v>
                </c:pt>
                <c:pt idx="1190" formatCode="mm/dd/yyyy">
                  <c:v>43314</c:v>
                </c:pt>
                <c:pt idx="1191" formatCode="mm/dd/yyyy">
                  <c:v>43315</c:v>
                </c:pt>
                <c:pt idx="1192" formatCode="mm/dd/yyyy">
                  <c:v>43316</c:v>
                </c:pt>
                <c:pt idx="1193" formatCode="mm/dd/yyyy">
                  <c:v>43319</c:v>
                </c:pt>
                <c:pt idx="1194" formatCode="mm/dd/yyyy">
                  <c:v>43320</c:v>
                </c:pt>
                <c:pt idx="1195" formatCode="mm/dd/yyyy">
                  <c:v>43321</c:v>
                </c:pt>
                <c:pt idx="1196" formatCode="mm/dd/yyyy">
                  <c:v>43322</c:v>
                </c:pt>
                <c:pt idx="1197" formatCode="mm/dd/yyyy">
                  <c:v>43323</c:v>
                </c:pt>
                <c:pt idx="1198" formatCode="mm/dd/yyyy">
                  <c:v>43326</c:v>
                </c:pt>
                <c:pt idx="1199" formatCode="mm/dd/yyyy">
                  <c:v>43327</c:v>
                </c:pt>
                <c:pt idx="1200" formatCode="mm/dd/yyyy">
                  <c:v>43328</c:v>
                </c:pt>
                <c:pt idx="1201" formatCode="mm/dd/yyyy">
                  <c:v>43329</c:v>
                </c:pt>
                <c:pt idx="1202" formatCode="mm/dd/yyyy">
                  <c:v>43330</c:v>
                </c:pt>
                <c:pt idx="1203" formatCode="mm/dd/yyyy">
                  <c:v>43333</c:v>
                </c:pt>
                <c:pt idx="1204" formatCode="mm/dd/yyyy">
                  <c:v>43334</c:v>
                </c:pt>
                <c:pt idx="1205" formatCode="mm/dd/yyyy">
                  <c:v>43335</c:v>
                </c:pt>
                <c:pt idx="1206" formatCode="mm/dd/yyyy">
                  <c:v>43336</c:v>
                </c:pt>
                <c:pt idx="1207" formatCode="mm/dd/yyyy">
                  <c:v>43337</c:v>
                </c:pt>
                <c:pt idx="1208" formatCode="mm/dd/yyyy">
                  <c:v>43340</c:v>
                </c:pt>
                <c:pt idx="1209" formatCode="mm/dd/yyyy">
                  <c:v>43341</c:v>
                </c:pt>
                <c:pt idx="1210" formatCode="mm/dd/yyyy">
                  <c:v>43342</c:v>
                </c:pt>
                <c:pt idx="1211" formatCode="mm/dd/yyyy">
                  <c:v>43343</c:v>
                </c:pt>
                <c:pt idx="1212" formatCode="mm/dd/yyyy">
                  <c:v>43344</c:v>
                </c:pt>
                <c:pt idx="1213" formatCode="mm/dd/yyyy">
                  <c:v>43347</c:v>
                </c:pt>
                <c:pt idx="1214" formatCode="mm/dd/yyyy">
                  <c:v>43348</c:v>
                </c:pt>
                <c:pt idx="1215" formatCode="mm/dd/yyyy">
                  <c:v>43349</c:v>
                </c:pt>
                <c:pt idx="1216" formatCode="mm/dd/yyyy">
                  <c:v>43350</c:v>
                </c:pt>
                <c:pt idx="1217" formatCode="mm/dd/yyyy">
                  <c:v>43351</c:v>
                </c:pt>
                <c:pt idx="1218" formatCode="mm/dd/yyyy">
                  <c:v>43354</c:v>
                </c:pt>
                <c:pt idx="1219" formatCode="mm/dd/yyyy">
                  <c:v>43355</c:v>
                </c:pt>
                <c:pt idx="1220" formatCode="mm/dd/yyyy">
                  <c:v>43356</c:v>
                </c:pt>
                <c:pt idx="1221" formatCode="mm/dd/yyyy">
                  <c:v>43357</c:v>
                </c:pt>
                <c:pt idx="1222" formatCode="mm/dd/yyyy">
                  <c:v>43358</c:v>
                </c:pt>
                <c:pt idx="1223" formatCode="mm/dd/yyyy">
                  <c:v>43361</c:v>
                </c:pt>
                <c:pt idx="1224" formatCode="mm/dd/yyyy">
                  <c:v>43362</c:v>
                </c:pt>
                <c:pt idx="1225" formatCode="mm/dd/yyyy">
                  <c:v>43363</c:v>
                </c:pt>
                <c:pt idx="1226" formatCode="mm/dd/yyyy">
                  <c:v>43364</c:v>
                </c:pt>
                <c:pt idx="1227" formatCode="mm/dd/yyyy">
                  <c:v>43365</c:v>
                </c:pt>
                <c:pt idx="1228" formatCode="mm/dd/yyyy">
                  <c:v>43368</c:v>
                </c:pt>
                <c:pt idx="1229" formatCode="mm/dd/yyyy">
                  <c:v>43369</c:v>
                </c:pt>
                <c:pt idx="1230" formatCode="mm/dd/yyyy">
                  <c:v>43370</c:v>
                </c:pt>
                <c:pt idx="1231" formatCode="mm/dd/yyyy">
                  <c:v>43371</c:v>
                </c:pt>
                <c:pt idx="1232" formatCode="mm/dd/yyyy">
                  <c:v>43372</c:v>
                </c:pt>
                <c:pt idx="1233" formatCode="mm/dd/yyyy">
                  <c:v>43375</c:v>
                </c:pt>
                <c:pt idx="1234" formatCode="mm/dd/yyyy">
                  <c:v>43376</c:v>
                </c:pt>
                <c:pt idx="1235" formatCode="mm/dd/yyyy">
                  <c:v>43377</c:v>
                </c:pt>
                <c:pt idx="1236" formatCode="mm/dd/yyyy">
                  <c:v>43378</c:v>
                </c:pt>
                <c:pt idx="1237" formatCode="mm/dd/yyyy">
                  <c:v>43379</c:v>
                </c:pt>
                <c:pt idx="1238" formatCode="mm/dd/yyyy">
                  <c:v>43382</c:v>
                </c:pt>
                <c:pt idx="1239" formatCode="mm/dd/yyyy">
                  <c:v>43383</c:v>
                </c:pt>
                <c:pt idx="1240" formatCode="mm/dd/yyyy">
                  <c:v>43384</c:v>
                </c:pt>
                <c:pt idx="1241" formatCode="mm/dd/yyyy">
                  <c:v>43385</c:v>
                </c:pt>
                <c:pt idx="1242" formatCode="mm/dd/yyyy">
                  <c:v>43386</c:v>
                </c:pt>
                <c:pt idx="1243" formatCode="mm/dd/yyyy">
                  <c:v>43389</c:v>
                </c:pt>
                <c:pt idx="1244" formatCode="mm/dd/yyyy">
                  <c:v>43390</c:v>
                </c:pt>
                <c:pt idx="1245" formatCode="mm/dd/yyyy">
                  <c:v>43391</c:v>
                </c:pt>
                <c:pt idx="1246" formatCode="mm/dd/yyyy">
                  <c:v>43392</c:v>
                </c:pt>
                <c:pt idx="1247" formatCode="mm/dd/yyyy">
                  <c:v>43393</c:v>
                </c:pt>
                <c:pt idx="1248" formatCode="mm/dd/yyyy">
                  <c:v>43396</c:v>
                </c:pt>
                <c:pt idx="1249" formatCode="mm/dd/yyyy">
                  <c:v>43397</c:v>
                </c:pt>
                <c:pt idx="1250" formatCode="mm/dd/yyyy">
                  <c:v>43398</c:v>
                </c:pt>
                <c:pt idx="1251" formatCode="mm/dd/yyyy">
                  <c:v>43399</c:v>
                </c:pt>
                <c:pt idx="1252" formatCode="mm/dd/yyyy">
                  <c:v>43400</c:v>
                </c:pt>
                <c:pt idx="1253" formatCode="mm/dd/yyyy">
                  <c:v>43403</c:v>
                </c:pt>
                <c:pt idx="1254" formatCode="mm/dd/yyyy">
                  <c:v>43404</c:v>
                </c:pt>
                <c:pt idx="1255" formatCode="mm/dd/yyyy">
                  <c:v>43405</c:v>
                </c:pt>
                <c:pt idx="1256" formatCode="mm/dd/yyyy">
                  <c:v>43406</c:v>
                </c:pt>
                <c:pt idx="1257" formatCode="mm/dd/yyyy">
                  <c:v>43407</c:v>
                </c:pt>
                <c:pt idx="1258" formatCode="mm/dd/yyyy">
                  <c:v>43410</c:v>
                </c:pt>
                <c:pt idx="1259" formatCode="mm/dd/yyyy">
                  <c:v>43411</c:v>
                </c:pt>
                <c:pt idx="1260" formatCode="mm/dd/yyyy">
                  <c:v>43412</c:v>
                </c:pt>
                <c:pt idx="1261" formatCode="mm/dd/yyyy">
                  <c:v>43413</c:v>
                </c:pt>
                <c:pt idx="1262" formatCode="mm/dd/yyyy">
                  <c:v>43414</c:v>
                </c:pt>
                <c:pt idx="1263" formatCode="mm/dd/yyyy">
                  <c:v>43417</c:v>
                </c:pt>
                <c:pt idx="1264" formatCode="mm/dd/yyyy">
                  <c:v>43418</c:v>
                </c:pt>
                <c:pt idx="1265" formatCode="mm/dd/yyyy">
                  <c:v>43419</c:v>
                </c:pt>
                <c:pt idx="1266" formatCode="mm/dd/yyyy">
                  <c:v>43420</c:v>
                </c:pt>
                <c:pt idx="1267" formatCode="mm/dd/yyyy">
                  <c:v>43421</c:v>
                </c:pt>
                <c:pt idx="1268" formatCode="mm/dd/yyyy">
                  <c:v>43424</c:v>
                </c:pt>
                <c:pt idx="1269" formatCode="mm/dd/yyyy">
                  <c:v>43425</c:v>
                </c:pt>
                <c:pt idx="1270" formatCode="mm/dd/yyyy">
                  <c:v>43426</c:v>
                </c:pt>
                <c:pt idx="1271" formatCode="mm/dd/yyyy">
                  <c:v>43427</c:v>
                </c:pt>
                <c:pt idx="1272" formatCode="mm/dd/yyyy">
                  <c:v>43428</c:v>
                </c:pt>
                <c:pt idx="1273" formatCode="mm/dd/yyyy">
                  <c:v>43431</c:v>
                </c:pt>
                <c:pt idx="1274" formatCode="mm/dd/yyyy">
                  <c:v>43432</c:v>
                </c:pt>
                <c:pt idx="1275" formatCode="mm/dd/yyyy">
                  <c:v>43433</c:v>
                </c:pt>
                <c:pt idx="1276" formatCode="mm/dd/yyyy">
                  <c:v>43434</c:v>
                </c:pt>
                <c:pt idx="1277" formatCode="mm/dd/yyyy">
                  <c:v>43435</c:v>
                </c:pt>
                <c:pt idx="1278" formatCode="mm/dd/yyyy">
                  <c:v>43438</c:v>
                </c:pt>
                <c:pt idx="1279" formatCode="mm/dd/yyyy">
                  <c:v>43439</c:v>
                </c:pt>
                <c:pt idx="1280" formatCode="mm/dd/yyyy">
                  <c:v>43440</c:v>
                </c:pt>
                <c:pt idx="1281" formatCode="mm/dd/yyyy">
                  <c:v>43441</c:v>
                </c:pt>
                <c:pt idx="1282" formatCode="mm/dd/yyyy">
                  <c:v>43442</c:v>
                </c:pt>
                <c:pt idx="1283" formatCode="mm/dd/yyyy">
                  <c:v>43445</c:v>
                </c:pt>
                <c:pt idx="1284" formatCode="mm/dd/yyyy">
                  <c:v>43446</c:v>
                </c:pt>
                <c:pt idx="1285" formatCode="mm/dd/yyyy">
                  <c:v>43447</c:v>
                </c:pt>
                <c:pt idx="1286" formatCode="mm/dd/yyyy">
                  <c:v>43448</c:v>
                </c:pt>
                <c:pt idx="1287" formatCode="mm/dd/yyyy">
                  <c:v>43449</c:v>
                </c:pt>
                <c:pt idx="1288" formatCode="mm/dd/yyyy">
                  <c:v>43452</c:v>
                </c:pt>
                <c:pt idx="1289" formatCode="mm/dd/yyyy">
                  <c:v>43453</c:v>
                </c:pt>
                <c:pt idx="1290" formatCode="mm/dd/yyyy">
                  <c:v>43454</c:v>
                </c:pt>
                <c:pt idx="1291" formatCode="mm/dd/yyyy">
                  <c:v>43455</c:v>
                </c:pt>
                <c:pt idx="1292" formatCode="mm/dd/yyyy">
                  <c:v>43456</c:v>
                </c:pt>
                <c:pt idx="1293" formatCode="mm/dd/yyyy">
                  <c:v>43459</c:v>
                </c:pt>
                <c:pt idx="1294" formatCode="mm/dd/yyyy">
                  <c:v>43460</c:v>
                </c:pt>
                <c:pt idx="1295" formatCode="mm/dd/yyyy">
                  <c:v>43461</c:v>
                </c:pt>
                <c:pt idx="1296" formatCode="mm/dd/yyyy">
                  <c:v>43462</c:v>
                </c:pt>
                <c:pt idx="1297" formatCode="mm/dd/yyyy">
                  <c:v>43463</c:v>
                </c:pt>
                <c:pt idx="1298" formatCode="mm/dd/yyyy">
                  <c:v>43466</c:v>
                </c:pt>
                <c:pt idx="1299">
                  <c:v>43467</c:v>
                </c:pt>
                <c:pt idx="1300">
                  <c:v>43468</c:v>
                </c:pt>
                <c:pt idx="1301">
                  <c:v>43469</c:v>
                </c:pt>
                <c:pt idx="1302">
                  <c:v>43470</c:v>
                </c:pt>
                <c:pt idx="1303">
                  <c:v>43471</c:v>
                </c:pt>
                <c:pt idx="1304">
                  <c:v>43474</c:v>
                </c:pt>
                <c:pt idx="1305">
                  <c:v>43475</c:v>
                </c:pt>
                <c:pt idx="1306">
                  <c:v>43476</c:v>
                </c:pt>
                <c:pt idx="1307">
                  <c:v>43477</c:v>
                </c:pt>
                <c:pt idx="1308">
                  <c:v>43478</c:v>
                </c:pt>
                <c:pt idx="1309">
                  <c:v>43481</c:v>
                </c:pt>
                <c:pt idx="1310">
                  <c:v>43482</c:v>
                </c:pt>
                <c:pt idx="1311">
                  <c:v>43483</c:v>
                </c:pt>
                <c:pt idx="1312">
                  <c:v>43484</c:v>
                </c:pt>
                <c:pt idx="1313">
                  <c:v>43485</c:v>
                </c:pt>
                <c:pt idx="1314">
                  <c:v>43488</c:v>
                </c:pt>
                <c:pt idx="1315">
                  <c:v>43489</c:v>
                </c:pt>
                <c:pt idx="1316">
                  <c:v>43490</c:v>
                </c:pt>
                <c:pt idx="1317">
                  <c:v>43491</c:v>
                </c:pt>
                <c:pt idx="1318">
                  <c:v>43492</c:v>
                </c:pt>
                <c:pt idx="1319">
                  <c:v>43495</c:v>
                </c:pt>
                <c:pt idx="1320">
                  <c:v>43496</c:v>
                </c:pt>
                <c:pt idx="1321">
                  <c:v>43497</c:v>
                </c:pt>
                <c:pt idx="1322">
                  <c:v>43498</c:v>
                </c:pt>
                <c:pt idx="1323">
                  <c:v>43499</c:v>
                </c:pt>
                <c:pt idx="1324">
                  <c:v>43502</c:v>
                </c:pt>
                <c:pt idx="1325">
                  <c:v>43503</c:v>
                </c:pt>
                <c:pt idx="1326">
                  <c:v>43504</c:v>
                </c:pt>
                <c:pt idx="1327">
                  <c:v>43505</c:v>
                </c:pt>
                <c:pt idx="1328">
                  <c:v>43506</c:v>
                </c:pt>
                <c:pt idx="1329">
                  <c:v>43509</c:v>
                </c:pt>
                <c:pt idx="1330">
                  <c:v>43510</c:v>
                </c:pt>
                <c:pt idx="1331">
                  <c:v>43511</c:v>
                </c:pt>
                <c:pt idx="1332">
                  <c:v>43512</c:v>
                </c:pt>
                <c:pt idx="1333">
                  <c:v>43513</c:v>
                </c:pt>
                <c:pt idx="1334" formatCode="mm/dd/yyyy">
                  <c:v>43516</c:v>
                </c:pt>
                <c:pt idx="1335" formatCode="mm/dd/yyyy">
                  <c:v>43517</c:v>
                </c:pt>
                <c:pt idx="1336" formatCode="mm/dd/yyyy">
                  <c:v>43518</c:v>
                </c:pt>
                <c:pt idx="1337" formatCode="mm/dd/yyyy">
                  <c:v>43519</c:v>
                </c:pt>
                <c:pt idx="1338" formatCode="mm/dd/yyyy">
                  <c:v>43520</c:v>
                </c:pt>
                <c:pt idx="1339" formatCode="mm/dd/yyyy">
                  <c:v>43523</c:v>
                </c:pt>
                <c:pt idx="1340" formatCode="mm/dd/yyyy">
                  <c:v>43524</c:v>
                </c:pt>
                <c:pt idx="1341" formatCode="mm/dd/yyyy">
                  <c:v>43525</c:v>
                </c:pt>
                <c:pt idx="1342" formatCode="mm/dd/yyyy">
                  <c:v>43526</c:v>
                </c:pt>
                <c:pt idx="1343" formatCode="mm/dd/yyyy">
                  <c:v>43527</c:v>
                </c:pt>
                <c:pt idx="1344" formatCode="mm/dd/yyyy">
                  <c:v>43530</c:v>
                </c:pt>
                <c:pt idx="1345" formatCode="mm/dd/yyyy">
                  <c:v>43531</c:v>
                </c:pt>
                <c:pt idx="1346" formatCode="mm/dd/yyyy">
                  <c:v>43532</c:v>
                </c:pt>
                <c:pt idx="1347" formatCode="mm/dd/yyyy">
                  <c:v>43533</c:v>
                </c:pt>
                <c:pt idx="1348" formatCode="mm/dd/yyyy">
                  <c:v>43534</c:v>
                </c:pt>
                <c:pt idx="1349" formatCode="mm/dd/yyyy">
                  <c:v>43537</c:v>
                </c:pt>
                <c:pt idx="1350" formatCode="mm/dd/yyyy">
                  <c:v>43538</c:v>
                </c:pt>
                <c:pt idx="1351" formatCode="mm/dd/yyyy">
                  <c:v>43539</c:v>
                </c:pt>
                <c:pt idx="1352" formatCode="mm/dd/yyyy">
                  <c:v>43540</c:v>
                </c:pt>
                <c:pt idx="1353" formatCode="mm/dd/yyyy">
                  <c:v>43541</c:v>
                </c:pt>
                <c:pt idx="1354" formatCode="mm/dd/yyyy">
                  <c:v>43544</c:v>
                </c:pt>
                <c:pt idx="1355" formatCode="mm/dd/yyyy">
                  <c:v>43545</c:v>
                </c:pt>
                <c:pt idx="1356" formatCode="mm/dd/yyyy">
                  <c:v>43546</c:v>
                </c:pt>
                <c:pt idx="1357" formatCode="mm/dd/yyyy">
                  <c:v>43547</c:v>
                </c:pt>
                <c:pt idx="1358" formatCode="mm/dd/yyyy">
                  <c:v>43548</c:v>
                </c:pt>
                <c:pt idx="1359" formatCode="mm/dd/yyyy">
                  <c:v>43551</c:v>
                </c:pt>
                <c:pt idx="1360" formatCode="mm/dd/yyyy">
                  <c:v>43552</c:v>
                </c:pt>
                <c:pt idx="1361" formatCode="mm/dd/yyyy">
                  <c:v>43553</c:v>
                </c:pt>
                <c:pt idx="1362" formatCode="mm/dd/yyyy">
                  <c:v>43554</c:v>
                </c:pt>
                <c:pt idx="1363" formatCode="mm/dd/yyyy">
                  <c:v>43555</c:v>
                </c:pt>
                <c:pt idx="1364" formatCode="mm/dd/yyyy">
                  <c:v>43558</c:v>
                </c:pt>
                <c:pt idx="1365" formatCode="mm/dd/yyyy">
                  <c:v>43559</c:v>
                </c:pt>
                <c:pt idx="1366" formatCode="mm/dd/yyyy">
                  <c:v>43560</c:v>
                </c:pt>
                <c:pt idx="1367" formatCode="mm/dd/yyyy">
                  <c:v>43561</c:v>
                </c:pt>
                <c:pt idx="1368" formatCode="mm/dd/yyyy">
                  <c:v>43562</c:v>
                </c:pt>
                <c:pt idx="1369" formatCode="mm/dd/yyyy">
                  <c:v>43565</c:v>
                </c:pt>
                <c:pt idx="1370" formatCode="mm/dd/yyyy">
                  <c:v>43566</c:v>
                </c:pt>
                <c:pt idx="1371" formatCode="mm/dd/yyyy">
                  <c:v>43567</c:v>
                </c:pt>
                <c:pt idx="1372" formatCode="mm/dd/yyyy">
                  <c:v>43568</c:v>
                </c:pt>
                <c:pt idx="1373" formatCode="mm/dd/yyyy">
                  <c:v>43572</c:v>
                </c:pt>
                <c:pt idx="1374" formatCode="mm/dd/yyyy">
                  <c:v>43573</c:v>
                </c:pt>
                <c:pt idx="1375" formatCode="mm/dd/yyyy">
                  <c:v>43574</c:v>
                </c:pt>
                <c:pt idx="1376" formatCode="mm/dd/yyyy">
                  <c:v>43575</c:v>
                </c:pt>
                <c:pt idx="1377" formatCode="mm/dd/yyyy">
                  <c:v>43576</c:v>
                </c:pt>
                <c:pt idx="1378" formatCode="mm/dd/yyyy">
                  <c:v>43579</c:v>
                </c:pt>
                <c:pt idx="1379" formatCode="mm/dd/yyyy">
                  <c:v>43580</c:v>
                </c:pt>
                <c:pt idx="1380" formatCode="mm/dd/yyyy">
                  <c:v>43581</c:v>
                </c:pt>
                <c:pt idx="1381" formatCode="mm/dd/yyyy">
                  <c:v>43582</c:v>
                </c:pt>
                <c:pt idx="1382" formatCode="mm/dd/yyyy">
                  <c:v>43583</c:v>
                </c:pt>
                <c:pt idx="1383" formatCode="mm/dd/yyyy">
                  <c:v>43586</c:v>
                </c:pt>
                <c:pt idx="1384" formatCode="mm/dd/yyyy">
                  <c:v>43587</c:v>
                </c:pt>
                <c:pt idx="1385" formatCode="mm/dd/yyyy">
                  <c:v>43588</c:v>
                </c:pt>
                <c:pt idx="1386" formatCode="mm/dd/yyyy">
                  <c:v>43589</c:v>
                </c:pt>
                <c:pt idx="1387" formatCode="mm/dd/yyyy">
                  <c:v>43590</c:v>
                </c:pt>
                <c:pt idx="1388" formatCode="mm/dd/yyyy">
                  <c:v>43593</c:v>
                </c:pt>
                <c:pt idx="1389" formatCode="mm/dd/yyyy">
                  <c:v>43594</c:v>
                </c:pt>
                <c:pt idx="1390" formatCode="mm/dd/yyyy">
                  <c:v>43595</c:v>
                </c:pt>
                <c:pt idx="1391" formatCode="mm/dd/yyyy">
                  <c:v>43596</c:v>
                </c:pt>
                <c:pt idx="1392" formatCode="mm/dd/yyyy">
                  <c:v>43597</c:v>
                </c:pt>
                <c:pt idx="1393" formatCode="mm/dd/yyyy">
                  <c:v>43600</c:v>
                </c:pt>
                <c:pt idx="1394" formatCode="mm/dd/yyyy">
                  <c:v>43601</c:v>
                </c:pt>
                <c:pt idx="1395" formatCode="mm/dd/yyyy">
                  <c:v>43602</c:v>
                </c:pt>
                <c:pt idx="1396" formatCode="mm/dd/yyyy">
                  <c:v>43603</c:v>
                </c:pt>
                <c:pt idx="1397" formatCode="mm/dd/yyyy">
                  <c:v>43604</c:v>
                </c:pt>
                <c:pt idx="1398" formatCode="mm/dd/yyyy">
                  <c:v>43607</c:v>
                </c:pt>
                <c:pt idx="1399" formatCode="mm/dd/yyyy">
                  <c:v>43608</c:v>
                </c:pt>
                <c:pt idx="1400" formatCode="mm/dd/yyyy">
                  <c:v>43609</c:v>
                </c:pt>
                <c:pt idx="1401" formatCode="mm/dd/yyyy">
                  <c:v>43610</c:v>
                </c:pt>
                <c:pt idx="1402" formatCode="mm/dd/yyyy">
                  <c:v>43611</c:v>
                </c:pt>
                <c:pt idx="1403" formatCode="mm/dd/yyyy">
                  <c:v>43614</c:v>
                </c:pt>
                <c:pt idx="1404" formatCode="mm/dd/yyyy">
                  <c:v>43615</c:v>
                </c:pt>
                <c:pt idx="1405" formatCode="mm/dd/yyyy">
                  <c:v>43616</c:v>
                </c:pt>
                <c:pt idx="1406" formatCode="mm/dd/yyyy">
                  <c:v>43617</c:v>
                </c:pt>
                <c:pt idx="1407" formatCode="mm/dd/yyyy">
                  <c:v>43618</c:v>
                </c:pt>
                <c:pt idx="1408" formatCode="mm/dd/yyyy">
                  <c:v>43621</c:v>
                </c:pt>
                <c:pt idx="1409" formatCode="mm/dd/yyyy">
                  <c:v>43622</c:v>
                </c:pt>
                <c:pt idx="1410" formatCode="mm/dd/yyyy">
                  <c:v>43623</c:v>
                </c:pt>
                <c:pt idx="1411" formatCode="mm/dd/yyyy">
                  <c:v>43624</c:v>
                </c:pt>
                <c:pt idx="1412" formatCode="mm/dd/yyyy">
                  <c:v>43625</c:v>
                </c:pt>
                <c:pt idx="1413" formatCode="mm/dd/yyyy">
                  <c:v>43628</c:v>
                </c:pt>
                <c:pt idx="1414" formatCode="mm/dd/yyyy">
                  <c:v>43629</c:v>
                </c:pt>
                <c:pt idx="1415" formatCode="mm/dd/yyyy">
                  <c:v>43630</c:v>
                </c:pt>
                <c:pt idx="1416" formatCode="mm/dd/yyyy">
                  <c:v>43631</c:v>
                </c:pt>
                <c:pt idx="1417" formatCode="mm/dd/yyyy">
                  <c:v>43632</c:v>
                </c:pt>
                <c:pt idx="1418" formatCode="mm/dd/yyyy">
                  <c:v>43635</c:v>
                </c:pt>
                <c:pt idx="1419" formatCode="mm/dd/yyyy">
                  <c:v>43636</c:v>
                </c:pt>
                <c:pt idx="1420" formatCode="mm/dd/yyyy">
                  <c:v>43637</c:v>
                </c:pt>
                <c:pt idx="1421" formatCode="mm/dd/yyyy">
                  <c:v>43638</c:v>
                </c:pt>
                <c:pt idx="1422" formatCode="mm/dd/yyyy">
                  <c:v>43639</c:v>
                </c:pt>
                <c:pt idx="1423" formatCode="mm/dd/yyyy">
                  <c:v>43642</c:v>
                </c:pt>
                <c:pt idx="1424" formatCode="mm/dd/yyyy">
                  <c:v>43643</c:v>
                </c:pt>
                <c:pt idx="1425" formatCode="mm/dd/yyyy">
                  <c:v>43644</c:v>
                </c:pt>
                <c:pt idx="1426" formatCode="mm/dd/yyyy">
                  <c:v>43645</c:v>
                </c:pt>
                <c:pt idx="1427" formatCode="mm/dd/yyyy">
                  <c:v>43646</c:v>
                </c:pt>
                <c:pt idx="1428" formatCode="mm/dd/yyyy">
                  <c:v>43649</c:v>
                </c:pt>
                <c:pt idx="1429" formatCode="mm/dd/yyyy">
                  <c:v>43650</c:v>
                </c:pt>
                <c:pt idx="1430" formatCode="mm/dd/yyyy">
                  <c:v>43651</c:v>
                </c:pt>
                <c:pt idx="1431" formatCode="mm/dd/yyyy">
                  <c:v>43652</c:v>
                </c:pt>
                <c:pt idx="1432" formatCode="mm/dd/yyyy">
                  <c:v>43653</c:v>
                </c:pt>
                <c:pt idx="1433" formatCode="mm/dd/yyyy">
                  <c:v>43656</c:v>
                </c:pt>
                <c:pt idx="1434" formatCode="mm/dd/yyyy">
                  <c:v>43657</c:v>
                </c:pt>
                <c:pt idx="1435" formatCode="mm/dd/yyyy">
                  <c:v>43658</c:v>
                </c:pt>
                <c:pt idx="1436" formatCode="mm/dd/yyyy">
                  <c:v>43659</c:v>
                </c:pt>
                <c:pt idx="1437" formatCode="mm/dd/yyyy">
                  <c:v>43660</c:v>
                </c:pt>
                <c:pt idx="1438" formatCode="mm/dd/yyyy">
                  <c:v>43663</c:v>
                </c:pt>
                <c:pt idx="1439" formatCode="mm/dd/yyyy">
                  <c:v>43664</c:v>
                </c:pt>
                <c:pt idx="1440" formatCode="mm/dd/yyyy">
                  <c:v>43665</c:v>
                </c:pt>
                <c:pt idx="1441" formatCode="mm/dd/yyyy">
                  <c:v>43666</c:v>
                </c:pt>
                <c:pt idx="1442" formatCode="mm/dd/yyyy">
                  <c:v>43667</c:v>
                </c:pt>
                <c:pt idx="1443" formatCode="mm/dd/yyyy">
                  <c:v>43670</c:v>
                </c:pt>
                <c:pt idx="1444" formatCode="mm/dd/yyyy">
                  <c:v>43671</c:v>
                </c:pt>
                <c:pt idx="1445" formatCode="mm/dd/yyyy">
                  <c:v>43672</c:v>
                </c:pt>
                <c:pt idx="1446" formatCode="mm/dd/yyyy">
                  <c:v>43673</c:v>
                </c:pt>
                <c:pt idx="1447" formatCode="mm/dd/yyyy">
                  <c:v>43674</c:v>
                </c:pt>
                <c:pt idx="1448" formatCode="mm/dd/yyyy">
                  <c:v>43677</c:v>
                </c:pt>
                <c:pt idx="1449" formatCode="mm/dd/yyyy">
                  <c:v>43678</c:v>
                </c:pt>
                <c:pt idx="1450" formatCode="mm/dd/yyyy">
                  <c:v>43679</c:v>
                </c:pt>
                <c:pt idx="1451" formatCode="mm/dd/yyyy">
                  <c:v>43680</c:v>
                </c:pt>
                <c:pt idx="1452" formatCode="mm/dd/yyyy">
                  <c:v>43681</c:v>
                </c:pt>
                <c:pt idx="1453" formatCode="mm/dd/yyyy">
                  <c:v>43684</c:v>
                </c:pt>
                <c:pt idx="1454" formatCode="mm/dd/yyyy">
                  <c:v>43685</c:v>
                </c:pt>
                <c:pt idx="1455" formatCode="mm/dd/yyyy">
                  <c:v>43686</c:v>
                </c:pt>
                <c:pt idx="1456" formatCode="mm/dd/yyyy">
                  <c:v>43687</c:v>
                </c:pt>
                <c:pt idx="1457" formatCode="mm/dd/yyyy">
                  <c:v>43688</c:v>
                </c:pt>
                <c:pt idx="1458" formatCode="mm/dd/yyyy">
                  <c:v>43691</c:v>
                </c:pt>
                <c:pt idx="1459" formatCode="mm/dd/yyyy">
                  <c:v>43692</c:v>
                </c:pt>
                <c:pt idx="1460" formatCode="mm/dd/yyyy">
                  <c:v>43693</c:v>
                </c:pt>
                <c:pt idx="1461" formatCode="mm/dd/yyyy">
                  <c:v>43694</c:v>
                </c:pt>
                <c:pt idx="1462" formatCode="mm/dd/yyyy">
                  <c:v>43695</c:v>
                </c:pt>
                <c:pt idx="1463" formatCode="mm/dd/yyyy">
                  <c:v>43698</c:v>
                </c:pt>
                <c:pt idx="1464" formatCode="mm/dd/yyyy">
                  <c:v>43699</c:v>
                </c:pt>
                <c:pt idx="1465" formatCode="mm/dd/yyyy">
                  <c:v>43700</c:v>
                </c:pt>
                <c:pt idx="1466" formatCode="mm/dd/yyyy">
                  <c:v>43701</c:v>
                </c:pt>
                <c:pt idx="1467" formatCode="mm/dd/yyyy">
                  <c:v>43702</c:v>
                </c:pt>
                <c:pt idx="1468" formatCode="mm/dd/yyyy">
                  <c:v>43705</c:v>
                </c:pt>
                <c:pt idx="1469" formatCode="mm/dd/yyyy">
                  <c:v>43706</c:v>
                </c:pt>
                <c:pt idx="1470" formatCode="mm/dd/yyyy">
                  <c:v>43707</c:v>
                </c:pt>
                <c:pt idx="1471" formatCode="mm/dd/yyyy">
                  <c:v>43708</c:v>
                </c:pt>
                <c:pt idx="1472" formatCode="mm/dd/yyyy">
                  <c:v>43709</c:v>
                </c:pt>
                <c:pt idx="1473" formatCode="mm/dd/yyyy">
                  <c:v>43712</c:v>
                </c:pt>
                <c:pt idx="1474" formatCode="mm/dd/yyyy">
                  <c:v>43713</c:v>
                </c:pt>
                <c:pt idx="1475" formatCode="mm/dd/yyyy">
                  <c:v>43714</c:v>
                </c:pt>
                <c:pt idx="1476" formatCode="mm/dd/yyyy">
                  <c:v>43715</c:v>
                </c:pt>
                <c:pt idx="1477" formatCode="mm/dd/yyyy">
                  <c:v>43716</c:v>
                </c:pt>
                <c:pt idx="1478" formatCode="mm/dd/yyyy">
                  <c:v>43719</c:v>
                </c:pt>
                <c:pt idx="1479" formatCode="mm/dd/yyyy">
                  <c:v>43720</c:v>
                </c:pt>
                <c:pt idx="1480" formatCode="mm/dd/yyyy">
                  <c:v>43721</c:v>
                </c:pt>
                <c:pt idx="1481" formatCode="mm/dd/yyyy">
                  <c:v>43722</c:v>
                </c:pt>
                <c:pt idx="1482" formatCode="mm/dd/yyyy">
                  <c:v>43723</c:v>
                </c:pt>
                <c:pt idx="1483" formatCode="mm/dd/yyyy">
                  <c:v>43726</c:v>
                </c:pt>
                <c:pt idx="1484" formatCode="mm/dd/yyyy">
                  <c:v>43727</c:v>
                </c:pt>
                <c:pt idx="1485" formatCode="mm/dd/yyyy">
                  <c:v>43728</c:v>
                </c:pt>
                <c:pt idx="1486" formatCode="mm/dd/yyyy">
                  <c:v>43729</c:v>
                </c:pt>
                <c:pt idx="1487" formatCode="mm/dd/yyyy">
                  <c:v>43730</c:v>
                </c:pt>
                <c:pt idx="1488" formatCode="mm/dd/yyyy">
                  <c:v>43733</c:v>
                </c:pt>
                <c:pt idx="1489" formatCode="mm/dd/yyyy">
                  <c:v>43734</c:v>
                </c:pt>
                <c:pt idx="1490" formatCode="mm/dd/yyyy">
                  <c:v>43735</c:v>
                </c:pt>
                <c:pt idx="1491" formatCode="mm/dd/yyyy">
                  <c:v>43736</c:v>
                </c:pt>
                <c:pt idx="1492" formatCode="mm/dd/yyyy">
                  <c:v>43737</c:v>
                </c:pt>
                <c:pt idx="1493" formatCode="mm/dd/yyyy">
                  <c:v>43740</c:v>
                </c:pt>
                <c:pt idx="1494" formatCode="mm/dd/yyyy">
                  <c:v>43741</c:v>
                </c:pt>
                <c:pt idx="1495" formatCode="mm/dd/yyyy">
                  <c:v>43742</c:v>
                </c:pt>
                <c:pt idx="1496" formatCode="mm/dd/yyyy">
                  <c:v>43743</c:v>
                </c:pt>
                <c:pt idx="1497" formatCode="mm/dd/yyyy">
                  <c:v>43744</c:v>
                </c:pt>
                <c:pt idx="1498" formatCode="mm/dd/yyyy">
                  <c:v>43747</c:v>
                </c:pt>
                <c:pt idx="1499" formatCode="mm/dd/yyyy">
                  <c:v>43748</c:v>
                </c:pt>
                <c:pt idx="1500" formatCode="mm/dd/yyyy">
                  <c:v>43749</c:v>
                </c:pt>
                <c:pt idx="1501" formatCode="mm/dd/yyyy">
                  <c:v>43750</c:v>
                </c:pt>
                <c:pt idx="1502" formatCode="mm/dd/yyyy">
                  <c:v>43751</c:v>
                </c:pt>
                <c:pt idx="1503" formatCode="mm/dd/yyyy">
                  <c:v>43754</c:v>
                </c:pt>
                <c:pt idx="1504" formatCode="mm/dd/yyyy">
                  <c:v>43755</c:v>
                </c:pt>
                <c:pt idx="1505" formatCode="mm/dd/yyyy">
                  <c:v>43756</c:v>
                </c:pt>
                <c:pt idx="1506" formatCode="mm/dd/yyyy">
                  <c:v>43757</c:v>
                </c:pt>
                <c:pt idx="1507" formatCode="mm/dd/yyyy">
                  <c:v>43758</c:v>
                </c:pt>
                <c:pt idx="1508" formatCode="mm/dd/yyyy">
                  <c:v>43761</c:v>
                </c:pt>
                <c:pt idx="1509" formatCode="mm/dd/yyyy">
                  <c:v>43762</c:v>
                </c:pt>
                <c:pt idx="1510" formatCode="mm/dd/yyyy">
                  <c:v>43763</c:v>
                </c:pt>
                <c:pt idx="1511" formatCode="mm/dd/yyyy">
                  <c:v>43764</c:v>
                </c:pt>
                <c:pt idx="1512" formatCode="mm/dd/yyyy">
                  <c:v>43765</c:v>
                </c:pt>
                <c:pt idx="1513" formatCode="mm/dd/yyyy">
                  <c:v>43768</c:v>
                </c:pt>
                <c:pt idx="1514" formatCode="mm/dd/yyyy">
                  <c:v>43769</c:v>
                </c:pt>
                <c:pt idx="1515" formatCode="mm/dd/yyyy">
                  <c:v>43770</c:v>
                </c:pt>
                <c:pt idx="1516" formatCode="mm/dd/yyyy">
                  <c:v>43771</c:v>
                </c:pt>
                <c:pt idx="1517" formatCode="mm/dd/yyyy">
                  <c:v>43772</c:v>
                </c:pt>
                <c:pt idx="1518" formatCode="mm/dd/yyyy">
                  <c:v>43775</c:v>
                </c:pt>
                <c:pt idx="1519" formatCode="mm/dd/yyyy">
                  <c:v>43776</c:v>
                </c:pt>
                <c:pt idx="1520" formatCode="mm/dd/yyyy">
                  <c:v>43777</c:v>
                </c:pt>
                <c:pt idx="1521" formatCode="mm/dd/yyyy">
                  <c:v>43778</c:v>
                </c:pt>
                <c:pt idx="1522" formatCode="mm/dd/yyyy">
                  <c:v>43779</c:v>
                </c:pt>
                <c:pt idx="1523" formatCode="mm/dd/yyyy">
                  <c:v>43782</c:v>
                </c:pt>
                <c:pt idx="1524" formatCode="mm/dd/yyyy">
                  <c:v>43783</c:v>
                </c:pt>
                <c:pt idx="1525" formatCode="mm/dd/yyyy">
                  <c:v>43784</c:v>
                </c:pt>
                <c:pt idx="1526" formatCode="mm/dd/yyyy">
                  <c:v>43785</c:v>
                </c:pt>
                <c:pt idx="1527" formatCode="mm/dd/yyyy">
                  <c:v>43786</c:v>
                </c:pt>
                <c:pt idx="1528" formatCode="mm/dd/yyyy">
                  <c:v>43789</c:v>
                </c:pt>
                <c:pt idx="1529" formatCode="mm/dd/yyyy">
                  <c:v>43790</c:v>
                </c:pt>
                <c:pt idx="1530" formatCode="mm/dd/yyyy">
                  <c:v>43791</c:v>
                </c:pt>
                <c:pt idx="1531" formatCode="mm/dd/yyyy">
                  <c:v>43792</c:v>
                </c:pt>
                <c:pt idx="1532" formatCode="mm/dd/yyyy">
                  <c:v>43793</c:v>
                </c:pt>
                <c:pt idx="1533" formatCode="mm/dd/yyyy">
                  <c:v>43796</c:v>
                </c:pt>
                <c:pt idx="1534" formatCode="mm/dd/yyyy">
                  <c:v>43797</c:v>
                </c:pt>
                <c:pt idx="1535" formatCode="mm/dd/yyyy">
                  <c:v>43798</c:v>
                </c:pt>
                <c:pt idx="1536" formatCode="mm/dd/yyyy">
                  <c:v>43799</c:v>
                </c:pt>
                <c:pt idx="1537" formatCode="mm/dd/yyyy">
                  <c:v>43800</c:v>
                </c:pt>
                <c:pt idx="1538" formatCode="mm/dd/yyyy">
                  <c:v>43803</c:v>
                </c:pt>
                <c:pt idx="1539" formatCode="mm/dd/yyyy">
                  <c:v>43804</c:v>
                </c:pt>
                <c:pt idx="1540" formatCode="mm/dd/yyyy">
                  <c:v>43805</c:v>
                </c:pt>
                <c:pt idx="1541" formatCode="mm/dd/yyyy">
                  <c:v>43806</c:v>
                </c:pt>
                <c:pt idx="1542" formatCode="mm/dd/yyyy">
                  <c:v>43807</c:v>
                </c:pt>
                <c:pt idx="1543" formatCode="mm/dd/yyyy">
                  <c:v>43810</c:v>
                </c:pt>
                <c:pt idx="1544" formatCode="mm/dd/yyyy">
                  <c:v>43811</c:v>
                </c:pt>
                <c:pt idx="1545" formatCode="mm/dd/yyyy">
                  <c:v>43812</c:v>
                </c:pt>
                <c:pt idx="1546" formatCode="mm/dd/yyyy">
                  <c:v>43813</c:v>
                </c:pt>
                <c:pt idx="1547" formatCode="mm/dd/yyyy">
                  <c:v>43814</c:v>
                </c:pt>
                <c:pt idx="1548" formatCode="mm/dd/yyyy">
                  <c:v>43817</c:v>
                </c:pt>
                <c:pt idx="1549" formatCode="mm/dd/yyyy">
                  <c:v>43818</c:v>
                </c:pt>
                <c:pt idx="1550" formatCode="mm/dd/yyyy">
                  <c:v>43819</c:v>
                </c:pt>
                <c:pt idx="1551" formatCode="mm/dd/yyyy">
                  <c:v>43820</c:v>
                </c:pt>
                <c:pt idx="1552" formatCode="mm/dd/yyyy">
                  <c:v>43821</c:v>
                </c:pt>
                <c:pt idx="1553" formatCode="mm/dd/yyyy">
                  <c:v>43824</c:v>
                </c:pt>
                <c:pt idx="1554" formatCode="mm/dd/yyyy">
                  <c:v>43825</c:v>
                </c:pt>
                <c:pt idx="1555" formatCode="mm/dd/yyyy">
                  <c:v>43826</c:v>
                </c:pt>
                <c:pt idx="1556" formatCode="mm/dd/yyyy">
                  <c:v>43827</c:v>
                </c:pt>
                <c:pt idx="1557" formatCode="mm/dd/yyyy">
                  <c:v>43828</c:v>
                </c:pt>
              </c:numCache>
            </c:numRef>
          </c:cat>
          <c:val>
            <c:numRef>
              <c:f>'1 spot crude'!$E$4:$E$1561</c:f>
              <c:numCache>
                <c:formatCode>General</c:formatCode>
                <c:ptCount val="1558"/>
                <c:pt idx="1037" formatCode="_(* #,##0.00_);_(* \(#,##0.00\);_(* &quot;-&quot;??_);_(@_)">
                  <c:v>54.39</c:v>
                </c:pt>
                <c:pt idx="1038">
                  <c:v>65</c:v>
                </c:pt>
                <c:pt idx="1039">
                  <c:v>65</c:v>
                </c:pt>
                <c:pt idx="1040">
                  <c:v>65</c:v>
                </c:pt>
                <c:pt idx="1041">
                  <c:v>65</c:v>
                </c:pt>
                <c:pt idx="1042">
                  <c:v>65</c:v>
                </c:pt>
                <c:pt idx="1043">
                  <c:v>65</c:v>
                </c:pt>
                <c:pt idx="1044">
                  <c:v>65</c:v>
                </c:pt>
                <c:pt idx="1045">
                  <c:v>65</c:v>
                </c:pt>
                <c:pt idx="1046">
                  <c:v>65</c:v>
                </c:pt>
                <c:pt idx="1047">
                  <c:v>65</c:v>
                </c:pt>
                <c:pt idx="1048">
                  <c:v>65</c:v>
                </c:pt>
                <c:pt idx="1049">
                  <c:v>65</c:v>
                </c:pt>
                <c:pt idx="1050">
                  <c:v>65</c:v>
                </c:pt>
                <c:pt idx="1051">
                  <c:v>65</c:v>
                </c:pt>
                <c:pt idx="1052">
                  <c:v>65</c:v>
                </c:pt>
                <c:pt idx="1053">
                  <c:v>65</c:v>
                </c:pt>
                <c:pt idx="1054">
                  <c:v>65</c:v>
                </c:pt>
                <c:pt idx="1055">
                  <c:v>65</c:v>
                </c:pt>
                <c:pt idx="1056">
                  <c:v>65</c:v>
                </c:pt>
                <c:pt idx="1057">
                  <c:v>65</c:v>
                </c:pt>
                <c:pt idx="1058">
                  <c:v>65</c:v>
                </c:pt>
                <c:pt idx="1059">
                  <c:v>65</c:v>
                </c:pt>
                <c:pt idx="1060">
                  <c:v>65</c:v>
                </c:pt>
                <c:pt idx="1061">
                  <c:v>65</c:v>
                </c:pt>
                <c:pt idx="1062">
                  <c:v>65</c:v>
                </c:pt>
                <c:pt idx="1063">
                  <c:v>65</c:v>
                </c:pt>
                <c:pt idx="1064">
                  <c:v>65</c:v>
                </c:pt>
                <c:pt idx="1065">
                  <c:v>65</c:v>
                </c:pt>
                <c:pt idx="1066">
                  <c:v>65</c:v>
                </c:pt>
                <c:pt idx="1067">
                  <c:v>65</c:v>
                </c:pt>
                <c:pt idx="1068">
                  <c:v>65</c:v>
                </c:pt>
                <c:pt idx="1069">
                  <c:v>65</c:v>
                </c:pt>
                <c:pt idx="1070">
                  <c:v>65</c:v>
                </c:pt>
                <c:pt idx="1071">
                  <c:v>65</c:v>
                </c:pt>
                <c:pt idx="1072">
                  <c:v>65</c:v>
                </c:pt>
                <c:pt idx="1073">
                  <c:v>65</c:v>
                </c:pt>
                <c:pt idx="1074">
                  <c:v>65</c:v>
                </c:pt>
                <c:pt idx="1075">
                  <c:v>65</c:v>
                </c:pt>
                <c:pt idx="1076">
                  <c:v>65</c:v>
                </c:pt>
                <c:pt idx="1077">
                  <c:v>65</c:v>
                </c:pt>
                <c:pt idx="1078">
                  <c:v>65</c:v>
                </c:pt>
                <c:pt idx="1079">
                  <c:v>65</c:v>
                </c:pt>
                <c:pt idx="1080">
                  <c:v>65</c:v>
                </c:pt>
                <c:pt idx="1081">
                  <c:v>65</c:v>
                </c:pt>
                <c:pt idx="1082">
                  <c:v>65</c:v>
                </c:pt>
                <c:pt idx="1083">
                  <c:v>65</c:v>
                </c:pt>
                <c:pt idx="1084">
                  <c:v>65</c:v>
                </c:pt>
                <c:pt idx="1085">
                  <c:v>65</c:v>
                </c:pt>
                <c:pt idx="1086">
                  <c:v>65</c:v>
                </c:pt>
                <c:pt idx="1087">
                  <c:v>65</c:v>
                </c:pt>
                <c:pt idx="1088">
                  <c:v>65</c:v>
                </c:pt>
                <c:pt idx="1089">
                  <c:v>65</c:v>
                </c:pt>
                <c:pt idx="1090">
                  <c:v>65</c:v>
                </c:pt>
                <c:pt idx="1091">
                  <c:v>65</c:v>
                </c:pt>
                <c:pt idx="1092">
                  <c:v>65</c:v>
                </c:pt>
                <c:pt idx="1093">
                  <c:v>65</c:v>
                </c:pt>
                <c:pt idx="1094">
                  <c:v>65</c:v>
                </c:pt>
                <c:pt idx="1095">
                  <c:v>65</c:v>
                </c:pt>
                <c:pt idx="1096">
                  <c:v>65</c:v>
                </c:pt>
                <c:pt idx="1097">
                  <c:v>65</c:v>
                </c:pt>
                <c:pt idx="1098">
                  <c:v>65</c:v>
                </c:pt>
                <c:pt idx="1099">
                  <c:v>65</c:v>
                </c:pt>
                <c:pt idx="1100">
                  <c:v>65</c:v>
                </c:pt>
                <c:pt idx="1101">
                  <c:v>65</c:v>
                </c:pt>
                <c:pt idx="1102">
                  <c:v>65</c:v>
                </c:pt>
                <c:pt idx="1103">
                  <c:v>65</c:v>
                </c:pt>
                <c:pt idx="1104">
                  <c:v>65</c:v>
                </c:pt>
                <c:pt idx="1105">
                  <c:v>65</c:v>
                </c:pt>
                <c:pt idx="1106">
                  <c:v>65</c:v>
                </c:pt>
                <c:pt idx="1107">
                  <c:v>65</c:v>
                </c:pt>
                <c:pt idx="1108">
                  <c:v>65</c:v>
                </c:pt>
                <c:pt idx="1109">
                  <c:v>65</c:v>
                </c:pt>
                <c:pt idx="1110">
                  <c:v>65</c:v>
                </c:pt>
                <c:pt idx="1111">
                  <c:v>65</c:v>
                </c:pt>
                <c:pt idx="1112">
                  <c:v>65</c:v>
                </c:pt>
                <c:pt idx="1113">
                  <c:v>65</c:v>
                </c:pt>
                <c:pt idx="1114">
                  <c:v>65</c:v>
                </c:pt>
                <c:pt idx="1115">
                  <c:v>65</c:v>
                </c:pt>
                <c:pt idx="1116">
                  <c:v>65</c:v>
                </c:pt>
                <c:pt idx="1117">
                  <c:v>65</c:v>
                </c:pt>
                <c:pt idx="1118">
                  <c:v>65</c:v>
                </c:pt>
                <c:pt idx="1119">
                  <c:v>65</c:v>
                </c:pt>
                <c:pt idx="1120">
                  <c:v>65</c:v>
                </c:pt>
                <c:pt idx="1121">
                  <c:v>65</c:v>
                </c:pt>
                <c:pt idx="1122">
                  <c:v>65</c:v>
                </c:pt>
                <c:pt idx="1123">
                  <c:v>65</c:v>
                </c:pt>
                <c:pt idx="1124">
                  <c:v>65</c:v>
                </c:pt>
                <c:pt idx="1125">
                  <c:v>65</c:v>
                </c:pt>
                <c:pt idx="1126">
                  <c:v>65</c:v>
                </c:pt>
                <c:pt idx="1127">
                  <c:v>65</c:v>
                </c:pt>
                <c:pt idx="1128">
                  <c:v>65</c:v>
                </c:pt>
                <c:pt idx="1129">
                  <c:v>65</c:v>
                </c:pt>
                <c:pt idx="1130">
                  <c:v>65</c:v>
                </c:pt>
                <c:pt idx="1131">
                  <c:v>65</c:v>
                </c:pt>
                <c:pt idx="1132">
                  <c:v>65</c:v>
                </c:pt>
                <c:pt idx="1133">
                  <c:v>65</c:v>
                </c:pt>
                <c:pt idx="1134">
                  <c:v>65</c:v>
                </c:pt>
                <c:pt idx="1135">
                  <c:v>65</c:v>
                </c:pt>
                <c:pt idx="1136">
                  <c:v>65</c:v>
                </c:pt>
                <c:pt idx="1137">
                  <c:v>65</c:v>
                </c:pt>
                <c:pt idx="1138">
                  <c:v>65</c:v>
                </c:pt>
                <c:pt idx="1139">
                  <c:v>65</c:v>
                </c:pt>
                <c:pt idx="1140">
                  <c:v>65</c:v>
                </c:pt>
                <c:pt idx="1141">
                  <c:v>65</c:v>
                </c:pt>
                <c:pt idx="1142">
                  <c:v>65</c:v>
                </c:pt>
                <c:pt idx="1143">
                  <c:v>65</c:v>
                </c:pt>
                <c:pt idx="1144">
                  <c:v>65</c:v>
                </c:pt>
                <c:pt idx="1145">
                  <c:v>65</c:v>
                </c:pt>
                <c:pt idx="1146">
                  <c:v>65</c:v>
                </c:pt>
                <c:pt idx="1147">
                  <c:v>65</c:v>
                </c:pt>
                <c:pt idx="1148">
                  <c:v>65</c:v>
                </c:pt>
                <c:pt idx="1149">
                  <c:v>65</c:v>
                </c:pt>
                <c:pt idx="1150">
                  <c:v>65</c:v>
                </c:pt>
                <c:pt idx="1151">
                  <c:v>65</c:v>
                </c:pt>
                <c:pt idx="1152">
                  <c:v>65</c:v>
                </c:pt>
                <c:pt idx="1153">
                  <c:v>65</c:v>
                </c:pt>
                <c:pt idx="1154">
                  <c:v>65</c:v>
                </c:pt>
                <c:pt idx="1155">
                  <c:v>65</c:v>
                </c:pt>
                <c:pt idx="1156">
                  <c:v>65</c:v>
                </c:pt>
                <c:pt idx="1157">
                  <c:v>65</c:v>
                </c:pt>
                <c:pt idx="1158">
                  <c:v>65</c:v>
                </c:pt>
                <c:pt idx="1159">
                  <c:v>65</c:v>
                </c:pt>
                <c:pt idx="1160">
                  <c:v>65</c:v>
                </c:pt>
                <c:pt idx="1161">
                  <c:v>65</c:v>
                </c:pt>
                <c:pt idx="1162">
                  <c:v>65</c:v>
                </c:pt>
                <c:pt idx="1163">
                  <c:v>65</c:v>
                </c:pt>
                <c:pt idx="1164">
                  <c:v>65</c:v>
                </c:pt>
                <c:pt idx="1165">
                  <c:v>65</c:v>
                </c:pt>
                <c:pt idx="1166">
                  <c:v>65</c:v>
                </c:pt>
                <c:pt idx="1167">
                  <c:v>65</c:v>
                </c:pt>
                <c:pt idx="1168">
                  <c:v>65</c:v>
                </c:pt>
                <c:pt idx="1169">
                  <c:v>65</c:v>
                </c:pt>
                <c:pt idx="1170">
                  <c:v>65</c:v>
                </c:pt>
                <c:pt idx="1171">
                  <c:v>65</c:v>
                </c:pt>
                <c:pt idx="1172">
                  <c:v>65</c:v>
                </c:pt>
                <c:pt idx="1173">
                  <c:v>65</c:v>
                </c:pt>
                <c:pt idx="1174">
                  <c:v>65</c:v>
                </c:pt>
                <c:pt idx="1175">
                  <c:v>65</c:v>
                </c:pt>
                <c:pt idx="1176">
                  <c:v>65</c:v>
                </c:pt>
                <c:pt idx="1177">
                  <c:v>65</c:v>
                </c:pt>
                <c:pt idx="1178">
                  <c:v>65</c:v>
                </c:pt>
                <c:pt idx="1179">
                  <c:v>65</c:v>
                </c:pt>
                <c:pt idx="1180">
                  <c:v>65</c:v>
                </c:pt>
                <c:pt idx="1181">
                  <c:v>65</c:v>
                </c:pt>
                <c:pt idx="1182">
                  <c:v>65</c:v>
                </c:pt>
                <c:pt idx="1183">
                  <c:v>65</c:v>
                </c:pt>
                <c:pt idx="1184">
                  <c:v>65</c:v>
                </c:pt>
                <c:pt idx="1185">
                  <c:v>65</c:v>
                </c:pt>
                <c:pt idx="1186">
                  <c:v>65</c:v>
                </c:pt>
                <c:pt idx="1187">
                  <c:v>65</c:v>
                </c:pt>
                <c:pt idx="1188">
                  <c:v>65</c:v>
                </c:pt>
                <c:pt idx="1189">
                  <c:v>65</c:v>
                </c:pt>
                <c:pt idx="1190">
                  <c:v>65</c:v>
                </c:pt>
                <c:pt idx="1191">
                  <c:v>65</c:v>
                </c:pt>
                <c:pt idx="1192">
                  <c:v>65</c:v>
                </c:pt>
                <c:pt idx="1193">
                  <c:v>65</c:v>
                </c:pt>
                <c:pt idx="1194">
                  <c:v>65</c:v>
                </c:pt>
                <c:pt idx="1195">
                  <c:v>65</c:v>
                </c:pt>
                <c:pt idx="1196">
                  <c:v>65</c:v>
                </c:pt>
                <c:pt idx="1197">
                  <c:v>65</c:v>
                </c:pt>
                <c:pt idx="1198">
                  <c:v>65</c:v>
                </c:pt>
                <c:pt idx="1199">
                  <c:v>65</c:v>
                </c:pt>
                <c:pt idx="1200">
                  <c:v>65</c:v>
                </c:pt>
                <c:pt idx="1201">
                  <c:v>65</c:v>
                </c:pt>
                <c:pt idx="1202">
                  <c:v>65</c:v>
                </c:pt>
                <c:pt idx="1203">
                  <c:v>65</c:v>
                </c:pt>
                <c:pt idx="1204">
                  <c:v>65</c:v>
                </c:pt>
                <c:pt idx="1205">
                  <c:v>65</c:v>
                </c:pt>
                <c:pt idx="1206">
                  <c:v>65</c:v>
                </c:pt>
                <c:pt idx="1207">
                  <c:v>65</c:v>
                </c:pt>
                <c:pt idx="1208">
                  <c:v>65</c:v>
                </c:pt>
                <c:pt idx="1209">
                  <c:v>65</c:v>
                </c:pt>
                <c:pt idx="1210">
                  <c:v>65</c:v>
                </c:pt>
                <c:pt idx="1211">
                  <c:v>65</c:v>
                </c:pt>
                <c:pt idx="1212">
                  <c:v>65</c:v>
                </c:pt>
                <c:pt idx="1213">
                  <c:v>65</c:v>
                </c:pt>
                <c:pt idx="1214">
                  <c:v>65</c:v>
                </c:pt>
                <c:pt idx="1215">
                  <c:v>65</c:v>
                </c:pt>
                <c:pt idx="1216">
                  <c:v>65</c:v>
                </c:pt>
                <c:pt idx="1217">
                  <c:v>65</c:v>
                </c:pt>
                <c:pt idx="1218">
                  <c:v>65</c:v>
                </c:pt>
                <c:pt idx="1219">
                  <c:v>65</c:v>
                </c:pt>
                <c:pt idx="1220">
                  <c:v>65</c:v>
                </c:pt>
                <c:pt idx="1221">
                  <c:v>65</c:v>
                </c:pt>
                <c:pt idx="1222">
                  <c:v>65</c:v>
                </c:pt>
                <c:pt idx="1223">
                  <c:v>65</c:v>
                </c:pt>
                <c:pt idx="1224">
                  <c:v>65</c:v>
                </c:pt>
                <c:pt idx="1225">
                  <c:v>65</c:v>
                </c:pt>
                <c:pt idx="1226">
                  <c:v>65</c:v>
                </c:pt>
                <c:pt idx="1227">
                  <c:v>65</c:v>
                </c:pt>
                <c:pt idx="1228">
                  <c:v>65</c:v>
                </c:pt>
                <c:pt idx="1229">
                  <c:v>65</c:v>
                </c:pt>
                <c:pt idx="1230">
                  <c:v>65</c:v>
                </c:pt>
                <c:pt idx="1231">
                  <c:v>65</c:v>
                </c:pt>
                <c:pt idx="1232">
                  <c:v>65</c:v>
                </c:pt>
                <c:pt idx="1233">
                  <c:v>65</c:v>
                </c:pt>
                <c:pt idx="1234">
                  <c:v>65</c:v>
                </c:pt>
                <c:pt idx="1235">
                  <c:v>65</c:v>
                </c:pt>
                <c:pt idx="1236">
                  <c:v>65</c:v>
                </c:pt>
                <c:pt idx="1237">
                  <c:v>65</c:v>
                </c:pt>
                <c:pt idx="1238">
                  <c:v>65</c:v>
                </c:pt>
                <c:pt idx="1239">
                  <c:v>65</c:v>
                </c:pt>
                <c:pt idx="1240">
                  <c:v>65</c:v>
                </c:pt>
                <c:pt idx="1241">
                  <c:v>65</c:v>
                </c:pt>
                <c:pt idx="1242">
                  <c:v>65</c:v>
                </c:pt>
                <c:pt idx="1243">
                  <c:v>65</c:v>
                </c:pt>
                <c:pt idx="1244">
                  <c:v>65</c:v>
                </c:pt>
                <c:pt idx="1245">
                  <c:v>65</c:v>
                </c:pt>
                <c:pt idx="1246">
                  <c:v>65</c:v>
                </c:pt>
                <c:pt idx="1247">
                  <c:v>65</c:v>
                </c:pt>
                <c:pt idx="1248">
                  <c:v>65</c:v>
                </c:pt>
                <c:pt idx="1249">
                  <c:v>65</c:v>
                </c:pt>
                <c:pt idx="1250">
                  <c:v>65</c:v>
                </c:pt>
                <c:pt idx="1251">
                  <c:v>65</c:v>
                </c:pt>
                <c:pt idx="1252">
                  <c:v>65</c:v>
                </c:pt>
                <c:pt idx="1253">
                  <c:v>65</c:v>
                </c:pt>
                <c:pt idx="1254">
                  <c:v>65</c:v>
                </c:pt>
                <c:pt idx="1255">
                  <c:v>65</c:v>
                </c:pt>
                <c:pt idx="1256">
                  <c:v>65</c:v>
                </c:pt>
                <c:pt idx="1257">
                  <c:v>65</c:v>
                </c:pt>
                <c:pt idx="1258">
                  <c:v>65</c:v>
                </c:pt>
                <c:pt idx="1259">
                  <c:v>65</c:v>
                </c:pt>
                <c:pt idx="1260">
                  <c:v>65</c:v>
                </c:pt>
                <c:pt idx="1261">
                  <c:v>65</c:v>
                </c:pt>
                <c:pt idx="1262">
                  <c:v>65</c:v>
                </c:pt>
                <c:pt idx="1263">
                  <c:v>65</c:v>
                </c:pt>
                <c:pt idx="1264">
                  <c:v>65</c:v>
                </c:pt>
                <c:pt idx="1265">
                  <c:v>65</c:v>
                </c:pt>
                <c:pt idx="1266">
                  <c:v>65</c:v>
                </c:pt>
                <c:pt idx="1267">
                  <c:v>65</c:v>
                </c:pt>
                <c:pt idx="1268">
                  <c:v>65</c:v>
                </c:pt>
                <c:pt idx="1269">
                  <c:v>65</c:v>
                </c:pt>
                <c:pt idx="1270">
                  <c:v>65</c:v>
                </c:pt>
                <c:pt idx="1271">
                  <c:v>65</c:v>
                </c:pt>
                <c:pt idx="1272">
                  <c:v>65</c:v>
                </c:pt>
                <c:pt idx="1273">
                  <c:v>65</c:v>
                </c:pt>
                <c:pt idx="1274">
                  <c:v>65</c:v>
                </c:pt>
                <c:pt idx="1275">
                  <c:v>65</c:v>
                </c:pt>
                <c:pt idx="1276">
                  <c:v>65</c:v>
                </c:pt>
                <c:pt idx="1277">
                  <c:v>65</c:v>
                </c:pt>
                <c:pt idx="1278">
                  <c:v>65</c:v>
                </c:pt>
                <c:pt idx="1279">
                  <c:v>65</c:v>
                </c:pt>
                <c:pt idx="1280">
                  <c:v>65</c:v>
                </c:pt>
                <c:pt idx="1281">
                  <c:v>65</c:v>
                </c:pt>
                <c:pt idx="1282">
                  <c:v>65</c:v>
                </c:pt>
                <c:pt idx="1283">
                  <c:v>65</c:v>
                </c:pt>
                <c:pt idx="1284">
                  <c:v>65</c:v>
                </c:pt>
                <c:pt idx="1285">
                  <c:v>65</c:v>
                </c:pt>
                <c:pt idx="1286">
                  <c:v>65</c:v>
                </c:pt>
                <c:pt idx="1287">
                  <c:v>65</c:v>
                </c:pt>
                <c:pt idx="1288">
                  <c:v>65</c:v>
                </c:pt>
                <c:pt idx="1289">
                  <c:v>65</c:v>
                </c:pt>
                <c:pt idx="1290">
                  <c:v>65</c:v>
                </c:pt>
                <c:pt idx="1291">
                  <c:v>65</c:v>
                </c:pt>
                <c:pt idx="1292">
                  <c:v>65</c:v>
                </c:pt>
                <c:pt idx="1293">
                  <c:v>65</c:v>
                </c:pt>
                <c:pt idx="1294">
                  <c:v>65</c:v>
                </c:pt>
                <c:pt idx="1295">
                  <c:v>65</c:v>
                </c:pt>
                <c:pt idx="1296">
                  <c:v>65</c:v>
                </c:pt>
                <c:pt idx="1297">
                  <c:v>65</c:v>
                </c:pt>
                <c:pt idx="1298">
                  <c:v>62</c:v>
                </c:pt>
                <c:pt idx="1299">
                  <c:v>62</c:v>
                </c:pt>
                <c:pt idx="1300">
                  <c:v>62</c:v>
                </c:pt>
                <c:pt idx="1301">
                  <c:v>62</c:v>
                </c:pt>
                <c:pt idx="1302">
                  <c:v>62</c:v>
                </c:pt>
                <c:pt idx="1303">
                  <c:v>62</c:v>
                </c:pt>
                <c:pt idx="1304">
                  <c:v>62</c:v>
                </c:pt>
                <c:pt idx="1305">
                  <c:v>62</c:v>
                </c:pt>
                <c:pt idx="1306">
                  <c:v>62</c:v>
                </c:pt>
                <c:pt idx="1307">
                  <c:v>62</c:v>
                </c:pt>
                <c:pt idx="1308">
                  <c:v>62</c:v>
                </c:pt>
                <c:pt idx="1309">
                  <c:v>62</c:v>
                </c:pt>
                <c:pt idx="1310">
                  <c:v>62</c:v>
                </c:pt>
                <c:pt idx="1311">
                  <c:v>62</c:v>
                </c:pt>
                <c:pt idx="1312">
                  <c:v>62</c:v>
                </c:pt>
                <c:pt idx="1313">
                  <c:v>62</c:v>
                </c:pt>
                <c:pt idx="1314">
                  <c:v>62</c:v>
                </c:pt>
                <c:pt idx="1315">
                  <c:v>62</c:v>
                </c:pt>
                <c:pt idx="1316">
                  <c:v>62</c:v>
                </c:pt>
                <c:pt idx="1317">
                  <c:v>62</c:v>
                </c:pt>
                <c:pt idx="1318">
                  <c:v>62</c:v>
                </c:pt>
                <c:pt idx="1319">
                  <c:v>62</c:v>
                </c:pt>
                <c:pt idx="1320">
                  <c:v>62</c:v>
                </c:pt>
                <c:pt idx="1321">
                  <c:v>62</c:v>
                </c:pt>
                <c:pt idx="1322">
                  <c:v>62</c:v>
                </c:pt>
                <c:pt idx="1323">
                  <c:v>62</c:v>
                </c:pt>
                <c:pt idx="1324">
                  <c:v>62</c:v>
                </c:pt>
                <c:pt idx="1325">
                  <c:v>62</c:v>
                </c:pt>
                <c:pt idx="1326">
                  <c:v>62</c:v>
                </c:pt>
                <c:pt idx="1327">
                  <c:v>62</c:v>
                </c:pt>
                <c:pt idx="1328">
                  <c:v>62</c:v>
                </c:pt>
                <c:pt idx="1329">
                  <c:v>62</c:v>
                </c:pt>
                <c:pt idx="1330">
                  <c:v>62</c:v>
                </c:pt>
                <c:pt idx="1331">
                  <c:v>62</c:v>
                </c:pt>
                <c:pt idx="1332">
                  <c:v>62</c:v>
                </c:pt>
                <c:pt idx="1333">
                  <c:v>62</c:v>
                </c:pt>
                <c:pt idx="1334">
                  <c:v>62</c:v>
                </c:pt>
                <c:pt idx="1335">
                  <c:v>62</c:v>
                </c:pt>
                <c:pt idx="1336">
                  <c:v>62</c:v>
                </c:pt>
                <c:pt idx="1337">
                  <c:v>62</c:v>
                </c:pt>
                <c:pt idx="1338">
                  <c:v>62</c:v>
                </c:pt>
                <c:pt idx="1339">
                  <c:v>62</c:v>
                </c:pt>
                <c:pt idx="1340">
                  <c:v>62</c:v>
                </c:pt>
                <c:pt idx="1341">
                  <c:v>62</c:v>
                </c:pt>
                <c:pt idx="1342">
                  <c:v>62</c:v>
                </c:pt>
                <c:pt idx="1343">
                  <c:v>62</c:v>
                </c:pt>
                <c:pt idx="1344">
                  <c:v>62</c:v>
                </c:pt>
                <c:pt idx="1345">
                  <c:v>62</c:v>
                </c:pt>
                <c:pt idx="1346">
                  <c:v>62</c:v>
                </c:pt>
                <c:pt idx="1347">
                  <c:v>62</c:v>
                </c:pt>
                <c:pt idx="1348">
                  <c:v>62</c:v>
                </c:pt>
                <c:pt idx="1349">
                  <c:v>62</c:v>
                </c:pt>
                <c:pt idx="1350">
                  <c:v>62</c:v>
                </c:pt>
                <c:pt idx="1351">
                  <c:v>62</c:v>
                </c:pt>
                <c:pt idx="1352">
                  <c:v>62</c:v>
                </c:pt>
                <c:pt idx="1353">
                  <c:v>62</c:v>
                </c:pt>
                <c:pt idx="1354">
                  <c:v>62</c:v>
                </c:pt>
                <c:pt idx="1355">
                  <c:v>62</c:v>
                </c:pt>
                <c:pt idx="1356">
                  <c:v>62</c:v>
                </c:pt>
                <c:pt idx="1357">
                  <c:v>62</c:v>
                </c:pt>
                <c:pt idx="1358">
                  <c:v>62</c:v>
                </c:pt>
                <c:pt idx="1359">
                  <c:v>62</c:v>
                </c:pt>
                <c:pt idx="1360">
                  <c:v>62</c:v>
                </c:pt>
                <c:pt idx="1361">
                  <c:v>62</c:v>
                </c:pt>
                <c:pt idx="1362">
                  <c:v>62</c:v>
                </c:pt>
                <c:pt idx="1363">
                  <c:v>62</c:v>
                </c:pt>
                <c:pt idx="1364">
                  <c:v>62</c:v>
                </c:pt>
                <c:pt idx="1365">
                  <c:v>62</c:v>
                </c:pt>
                <c:pt idx="1366">
                  <c:v>62</c:v>
                </c:pt>
                <c:pt idx="1367">
                  <c:v>62</c:v>
                </c:pt>
                <c:pt idx="1368">
                  <c:v>62</c:v>
                </c:pt>
                <c:pt idx="1369">
                  <c:v>62</c:v>
                </c:pt>
                <c:pt idx="1370">
                  <c:v>62</c:v>
                </c:pt>
                <c:pt idx="1371">
                  <c:v>62</c:v>
                </c:pt>
                <c:pt idx="1372">
                  <c:v>62</c:v>
                </c:pt>
                <c:pt idx="1373">
                  <c:v>62</c:v>
                </c:pt>
                <c:pt idx="1374">
                  <c:v>62</c:v>
                </c:pt>
                <c:pt idx="1375">
                  <c:v>62</c:v>
                </c:pt>
                <c:pt idx="1376">
                  <c:v>62</c:v>
                </c:pt>
                <c:pt idx="1377">
                  <c:v>62</c:v>
                </c:pt>
                <c:pt idx="1378">
                  <c:v>62</c:v>
                </c:pt>
                <c:pt idx="1379">
                  <c:v>62</c:v>
                </c:pt>
                <c:pt idx="1380">
                  <c:v>62</c:v>
                </c:pt>
                <c:pt idx="1381">
                  <c:v>62</c:v>
                </c:pt>
                <c:pt idx="1382">
                  <c:v>62</c:v>
                </c:pt>
                <c:pt idx="1383">
                  <c:v>62</c:v>
                </c:pt>
                <c:pt idx="1384">
                  <c:v>62</c:v>
                </c:pt>
                <c:pt idx="1385">
                  <c:v>62</c:v>
                </c:pt>
                <c:pt idx="1386">
                  <c:v>62</c:v>
                </c:pt>
                <c:pt idx="1387">
                  <c:v>62</c:v>
                </c:pt>
                <c:pt idx="1388">
                  <c:v>62</c:v>
                </c:pt>
                <c:pt idx="1389">
                  <c:v>62</c:v>
                </c:pt>
                <c:pt idx="1390">
                  <c:v>62</c:v>
                </c:pt>
                <c:pt idx="1391">
                  <c:v>62</c:v>
                </c:pt>
                <c:pt idx="1392">
                  <c:v>62</c:v>
                </c:pt>
                <c:pt idx="1393">
                  <c:v>62</c:v>
                </c:pt>
                <c:pt idx="1394">
                  <c:v>62</c:v>
                </c:pt>
                <c:pt idx="1395">
                  <c:v>62</c:v>
                </c:pt>
                <c:pt idx="1396">
                  <c:v>62</c:v>
                </c:pt>
                <c:pt idx="1397">
                  <c:v>62</c:v>
                </c:pt>
                <c:pt idx="1398">
                  <c:v>62</c:v>
                </c:pt>
                <c:pt idx="1399">
                  <c:v>62</c:v>
                </c:pt>
                <c:pt idx="1400">
                  <c:v>62</c:v>
                </c:pt>
                <c:pt idx="1401">
                  <c:v>62</c:v>
                </c:pt>
                <c:pt idx="1402">
                  <c:v>62</c:v>
                </c:pt>
                <c:pt idx="1403">
                  <c:v>62</c:v>
                </c:pt>
                <c:pt idx="1404">
                  <c:v>62</c:v>
                </c:pt>
                <c:pt idx="1405">
                  <c:v>62</c:v>
                </c:pt>
                <c:pt idx="1406">
                  <c:v>62</c:v>
                </c:pt>
                <c:pt idx="1407">
                  <c:v>62</c:v>
                </c:pt>
                <c:pt idx="1408">
                  <c:v>62</c:v>
                </c:pt>
                <c:pt idx="1409">
                  <c:v>62</c:v>
                </c:pt>
                <c:pt idx="1410">
                  <c:v>62</c:v>
                </c:pt>
                <c:pt idx="1411">
                  <c:v>62</c:v>
                </c:pt>
                <c:pt idx="1412">
                  <c:v>62</c:v>
                </c:pt>
                <c:pt idx="1413">
                  <c:v>62</c:v>
                </c:pt>
                <c:pt idx="1414">
                  <c:v>62</c:v>
                </c:pt>
                <c:pt idx="1415">
                  <c:v>62</c:v>
                </c:pt>
                <c:pt idx="1416">
                  <c:v>62</c:v>
                </c:pt>
                <c:pt idx="1417">
                  <c:v>62</c:v>
                </c:pt>
                <c:pt idx="1418">
                  <c:v>62</c:v>
                </c:pt>
                <c:pt idx="1419">
                  <c:v>62</c:v>
                </c:pt>
                <c:pt idx="1420">
                  <c:v>62</c:v>
                </c:pt>
                <c:pt idx="1421">
                  <c:v>62</c:v>
                </c:pt>
                <c:pt idx="1422">
                  <c:v>62</c:v>
                </c:pt>
                <c:pt idx="1423">
                  <c:v>62</c:v>
                </c:pt>
                <c:pt idx="1424">
                  <c:v>62</c:v>
                </c:pt>
                <c:pt idx="1425">
                  <c:v>62</c:v>
                </c:pt>
                <c:pt idx="1426">
                  <c:v>62</c:v>
                </c:pt>
                <c:pt idx="1427">
                  <c:v>62</c:v>
                </c:pt>
                <c:pt idx="1428">
                  <c:v>62</c:v>
                </c:pt>
                <c:pt idx="1429">
                  <c:v>62</c:v>
                </c:pt>
                <c:pt idx="1430">
                  <c:v>62</c:v>
                </c:pt>
                <c:pt idx="1431">
                  <c:v>62</c:v>
                </c:pt>
                <c:pt idx="1432">
                  <c:v>62</c:v>
                </c:pt>
                <c:pt idx="1433">
                  <c:v>62</c:v>
                </c:pt>
                <c:pt idx="1434">
                  <c:v>62</c:v>
                </c:pt>
                <c:pt idx="1435">
                  <c:v>62</c:v>
                </c:pt>
                <c:pt idx="1436">
                  <c:v>62</c:v>
                </c:pt>
                <c:pt idx="1437">
                  <c:v>62</c:v>
                </c:pt>
                <c:pt idx="1438">
                  <c:v>62</c:v>
                </c:pt>
                <c:pt idx="1439">
                  <c:v>62</c:v>
                </c:pt>
                <c:pt idx="1440">
                  <c:v>62</c:v>
                </c:pt>
                <c:pt idx="1441">
                  <c:v>62</c:v>
                </c:pt>
                <c:pt idx="1442">
                  <c:v>62</c:v>
                </c:pt>
                <c:pt idx="1443">
                  <c:v>62</c:v>
                </c:pt>
                <c:pt idx="1444">
                  <c:v>62</c:v>
                </c:pt>
                <c:pt idx="1445">
                  <c:v>62</c:v>
                </c:pt>
                <c:pt idx="1446">
                  <c:v>62</c:v>
                </c:pt>
                <c:pt idx="1447">
                  <c:v>62</c:v>
                </c:pt>
                <c:pt idx="1448">
                  <c:v>62</c:v>
                </c:pt>
                <c:pt idx="1449">
                  <c:v>62</c:v>
                </c:pt>
                <c:pt idx="1450">
                  <c:v>62</c:v>
                </c:pt>
                <c:pt idx="1451">
                  <c:v>62</c:v>
                </c:pt>
                <c:pt idx="1452">
                  <c:v>62</c:v>
                </c:pt>
                <c:pt idx="1453">
                  <c:v>62</c:v>
                </c:pt>
                <c:pt idx="1454">
                  <c:v>62</c:v>
                </c:pt>
                <c:pt idx="1455">
                  <c:v>62</c:v>
                </c:pt>
                <c:pt idx="1456">
                  <c:v>62</c:v>
                </c:pt>
                <c:pt idx="1457">
                  <c:v>62</c:v>
                </c:pt>
                <c:pt idx="1458">
                  <c:v>62</c:v>
                </c:pt>
                <c:pt idx="1459">
                  <c:v>62</c:v>
                </c:pt>
                <c:pt idx="1460">
                  <c:v>62</c:v>
                </c:pt>
                <c:pt idx="1461">
                  <c:v>62</c:v>
                </c:pt>
                <c:pt idx="1462">
                  <c:v>62</c:v>
                </c:pt>
                <c:pt idx="1463">
                  <c:v>62</c:v>
                </c:pt>
                <c:pt idx="1464">
                  <c:v>62</c:v>
                </c:pt>
                <c:pt idx="1465">
                  <c:v>62</c:v>
                </c:pt>
                <c:pt idx="1466">
                  <c:v>62</c:v>
                </c:pt>
                <c:pt idx="1467">
                  <c:v>62</c:v>
                </c:pt>
                <c:pt idx="1468">
                  <c:v>62</c:v>
                </c:pt>
                <c:pt idx="1469">
                  <c:v>62</c:v>
                </c:pt>
                <c:pt idx="1470">
                  <c:v>62</c:v>
                </c:pt>
                <c:pt idx="1471">
                  <c:v>62</c:v>
                </c:pt>
                <c:pt idx="1472">
                  <c:v>62</c:v>
                </c:pt>
                <c:pt idx="1473">
                  <c:v>62</c:v>
                </c:pt>
                <c:pt idx="1474">
                  <c:v>62</c:v>
                </c:pt>
                <c:pt idx="1475">
                  <c:v>62</c:v>
                </c:pt>
                <c:pt idx="1476">
                  <c:v>62</c:v>
                </c:pt>
                <c:pt idx="1477">
                  <c:v>62</c:v>
                </c:pt>
                <c:pt idx="1478">
                  <c:v>62</c:v>
                </c:pt>
                <c:pt idx="1479">
                  <c:v>62</c:v>
                </c:pt>
                <c:pt idx="1480">
                  <c:v>62</c:v>
                </c:pt>
                <c:pt idx="1481">
                  <c:v>62</c:v>
                </c:pt>
                <c:pt idx="1482">
                  <c:v>62</c:v>
                </c:pt>
                <c:pt idx="1483">
                  <c:v>62</c:v>
                </c:pt>
                <c:pt idx="1484">
                  <c:v>62</c:v>
                </c:pt>
                <c:pt idx="1485">
                  <c:v>62</c:v>
                </c:pt>
                <c:pt idx="1486">
                  <c:v>62</c:v>
                </c:pt>
                <c:pt idx="1487">
                  <c:v>62</c:v>
                </c:pt>
                <c:pt idx="1488">
                  <c:v>62</c:v>
                </c:pt>
                <c:pt idx="1489">
                  <c:v>62</c:v>
                </c:pt>
                <c:pt idx="1490">
                  <c:v>62</c:v>
                </c:pt>
                <c:pt idx="1491">
                  <c:v>62</c:v>
                </c:pt>
                <c:pt idx="1492">
                  <c:v>62</c:v>
                </c:pt>
                <c:pt idx="1493">
                  <c:v>62</c:v>
                </c:pt>
                <c:pt idx="1494">
                  <c:v>62</c:v>
                </c:pt>
                <c:pt idx="1495">
                  <c:v>62</c:v>
                </c:pt>
                <c:pt idx="1496">
                  <c:v>62</c:v>
                </c:pt>
                <c:pt idx="1497">
                  <c:v>62</c:v>
                </c:pt>
                <c:pt idx="1498">
                  <c:v>62</c:v>
                </c:pt>
                <c:pt idx="1499">
                  <c:v>62</c:v>
                </c:pt>
                <c:pt idx="1500">
                  <c:v>62</c:v>
                </c:pt>
                <c:pt idx="1501">
                  <c:v>62</c:v>
                </c:pt>
                <c:pt idx="1502">
                  <c:v>62</c:v>
                </c:pt>
                <c:pt idx="1503">
                  <c:v>62</c:v>
                </c:pt>
                <c:pt idx="1504">
                  <c:v>62</c:v>
                </c:pt>
                <c:pt idx="1505">
                  <c:v>62</c:v>
                </c:pt>
                <c:pt idx="1506">
                  <c:v>62</c:v>
                </c:pt>
                <c:pt idx="1507">
                  <c:v>62</c:v>
                </c:pt>
                <c:pt idx="1508">
                  <c:v>62</c:v>
                </c:pt>
                <c:pt idx="1509">
                  <c:v>62</c:v>
                </c:pt>
                <c:pt idx="1510">
                  <c:v>62</c:v>
                </c:pt>
                <c:pt idx="1511">
                  <c:v>62</c:v>
                </c:pt>
                <c:pt idx="1512">
                  <c:v>62</c:v>
                </c:pt>
                <c:pt idx="1513">
                  <c:v>62</c:v>
                </c:pt>
                <c:pt idx="1514">
                  <c:v>62</c:v>
                </c:pt>
                <c:pt idx="1515">
                  <c:v>62</c:v>
                </c:pt>
                <c:pt idx="1516">
                  <c:v>62</c:v>
                </c:pt>
                <c:pt idx="1517">
                  <c:v>62</c:v>
                </c:pt>
                <c:pt idx="1518">
                  <c:v>62</c:v>
                </c:pt>
                <c:pt idx="1519">
                  <c:v>62</c:v>
                </c:pt>
                <c:pt idx="1520">
                  <c:v>62</c:v>
                </c:pt>
                <c:pt idx="1521">
                  <c:v>62</c:v>
                </c:pt>
                <c:pt idx="1522">
                  <c:v>62</c:v>
                </c:pt>
                <c:pt idx="1523">
                  <c:v>62</c:v>
                </c:pt>
                <c:pt idx="1524">
                  <c:v>62</c:v>
                </c:pt>
                <c:pt idx="1525">
                  <c:v>62</c:v>
                </c:pt>
                <c:pt idx="1526">
                  <c:v>62</c:v>
                </c:pt>
                <c:pt idx="1527">
                  <c:v>62</c:v>
                </c:pt>
                <c:pt idx="1528">
                  <c:v>62</c:v>
                </c:pt>
                <c:pt idx="1529">
                  <c:v>62</c:v>
                </c:pt>
                <c:pt idx="1530">
                  <c:v>62</c:v>
                </c:pt>
                <c:pt idx="1531">
                  <c:v>62</c:v>
                </c:pt>
                <c:pt idx="1532">
                  <c:v>62</c:v>
                </c:pt>
                <c:pt idx="1533">
                  <c:v>62</c:v>
                </c:pt>
                <c:pt idx="1534">
                  <c:v>62</c:v>
                </c:pt>
                <c:pt idx="1535">
                  <c:v>62</c:v>
                </c:pt>
                <c:pt idx="1536">
                  <c:v>62</c:v>
                </c:pt>
                <c:pt idx="1537">
                  <c:v>62</c:v>
                </c:pt>
                <c:pt idx="1538">
                  <c:v>62</c:v>
                </c:pt>
                <c:pt idx="1539">
                  <c:v>62</c:v>
                </c:pt>
                <c:pt idx="1540">
                  <c:v>62</c:v>
                </c:pt>
                <c:pt idx="1541">
                  <c:v>62</c:v>
                </c:pt>
                <c:pt idx="1542">
                  <c:v>62</c:v>
                </c:pt>
                <c:pt idx="1543">
                  <c:v>62</c:v>
                </c:pt>
                <c:pt idx="1544">
                  <c:v>62</c:v>
                </c:pt>
                <c:pt idx="1545">
                  <c:v>62</c:v>
                </c:pt>
                <c:pt idx="1546">
                  <c:v>62</c:v>
                </c:pt>
                <c:pt idx="1547">
                  <c:v>62</c:v>
                </c:pt>
                <c:pt idx="1548">
                  <c:v>62</c:v>
                </c:pt>
                <c:pt idx="1549">
                  <c:v>62</c:v>
                </c:pt>
                <c:pt idx="1550">
                  <c:v>62</c:v>
                </c:pt>
                <c:pt idx="1551">
                  <c:v>62</c:v>
                </c:pt>
                <c:pt idx="1552">
                  <c:v>62</c:v>
                </c:pt>
                <c:pt idx="1553">
                  <c:v>62</c:v>
                </c:pt>
                <c:pt idx="1554">
                  <c:v>62</c:v>
                </c:pt>
                <c:pt idx="1555">
                  <c:v>62</c:v>
                </c:pt>
                <c:pt idx="1556">
                  <c:v>62</c:v>
                </c:pt>
                <c:pt idx="1557">
                  <c:v>62</c:v>
                </c:pt>
              </c:numCache>
            </c:numRef>
          </c:val>
          <c:smooth val="0"/>
          <c:extLst>
            <c:ext xmlns:c16="http://schemas.microsoft.com/office/drawing/2014/chart" uri="{C3380CC4-5D6E-409C-BE32-E72D297353CC}">
              <c16:uniqueId val="{00000003-C40A-4D83-9266-A47BC7263932}"/>
            </c:ext>
          </c:extLst>
        </c:ser>
        <c:dLbls>
          <c:showLegendKey val="0"/>
          <c:showVal val="0"/>
          <c:showCatName val="0"/>
          <c:showSerName val="0"/>
          <c:showPercent val="0"/>
          <c:showBubbleSize val="0"/>
        </c:dLbls>
        <c:smooth val="0"/>
        <c:axId val="292693288"/>
        <c:axId val="292692896"/>
      </c:lineChart>
      <c:dateAx>
        <c:axId val="292693288"/>
        <c:scaling>
          <c:orientation val="minMax"/>
        </c:scaling>
        <c:delete val="0"/>
        <c:axPos val="b"/>
        <c:numFmt formatCode="yyyy" sourceLinked="0"/>
        <c:majorTickMark val="out"/>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4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292692896"/>
        <c:crosses val="autoZero"/>
        <c:auto val="1"/>
        <c:lblOffset val="100"/>
        <c:baseTimeUnit val="days"/>
        <c:majorUnit val="1"/>
        <c:majorTimeUnit val="years"/>
      </c:dateAx>
      <c:valAx>
        <c:axId val="292692896"/>
        <c:scaling>
          <c:orientation val="minMax"/>
          <c:max val="120"/>
          <c:min val="20"/>
        </c:scaling>
        <c:delete val="0"/>
        <c:axPos val="l"/>
        <c:title>
          <c:tx>
            <c:rich>
              <a:bodyPr rot="0" spcFirstLastPara="1" vertOverflow="ellipsis" wrap="square" anchor="ctr" anchorCtr="1"/>
              <a:lstStyle/>
              <a:p>
                <a:pPr>
                  <a:defRPr sz="1200" b="1" i="0" u="none" strike="noStrike" kern="1200" baseline="0">
                    <a:solidFill>
                      <a:schemeClr val="tx1"/>
                    </a:solidFill>
                    <a:latin typeface="Arial" panose="020B0604020202020204" pitchFamily="34" charset="0"/>
                    <a:ea typeface="+mn-ea"/>
                    <a:cs typeface="Arial" panose="020B0604020202020204" pitchFamily="34" charset="0"/>
                  </a:defRPr>
                </a:pPr>
                <a:r>
                  <a:rPr lang="en-US" sz="1200" b="1">
                    <a:solidFill>
                      <a:schemeClr val="tx1"/>
                    </a:solidFill>
                    <a:latin typeface="Arial" panose="020B0604020202020204" pitchFamily="34" charset="0"/>
                    <a:cs typeface="Arial" panose="020B0604020202020204" pitchFamily="34" charset="0"/>
                  </a:rPr>
                  <a:t>$/barrrel</a:t>
                </a:r>
              </a:p>
            </c:rich>
          </c:tx>
          <c:layout>
            <c:manualLayout>
              <c:xMode val="edge"/>
              <c:yMode val="edge"/>
              <c:x val="8.1950904477047226E-3"/>
              <c:y val="0.13220617426964226"/>
            </c:manualLayout>
          </c:layout>
          <c:overlay val="0"/>
          <c:spPr>
            <a:noFill/>
            <a:ln>
              <a:noFill/>
            </a:ln>
            <a:effectLst/>
          </c:spPr>
          <c:txPr>
            <a:bodyPr rot="0" spcFirstLastPara="1" vertOverflow="ellipsis" wrap="square" anchor="ctr" anchorCtr="1"/>
            <a:lstStyle/>
            <a:p>
              <a:pPr>
                <a:defRPr sz="12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title>
        <c:numFmt formatCode="General" sourceLinked="0"/>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400"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crossAx val="292693288"/>
        <c:crosses val="autoZero"/>
        <c:crossBetween val="between"/>
        <c:majorUnit val="20"/>
      </c:valAx>
      <c:spPr>
        <a:noFill/>
        <a:ln>
          <a:noFill/>
        </a:ln>
        <a:effectLst/>
      </c:spPr>
    </c:plotArea>
    <c:legend>
      <c:legendPos val="t"/>
      <c:layout>
        <c:manualLayout>
          <c:xMode val="edge"/>
          <c:yMode val="edge"/>
          <c:x val="0.45802823612016652"/>
          <c:y val="0.28125199478820506"/>
          <c:w val="0.40565158919890854"/>
          <c:h val="0.17199838052158373"/>
        </c:manualLayout>
      </c:layout>
      <c:overlay val="0"/>
      <c:spPr>
        <a:noFill/>
        <a:ln>
          <a:noFill/>
        </a:ln>
        <a:effectLst/>
      </c:spPr>
      <c:txPr>
        <a:bodyPr rot="0" spcFirstLastPara="1" vertOverflow="ellipsis" vert="horz" wrap="square" anchor="ctr" anchorCtr="1"/>
        <a:lstStyle/>
        <a:p>
          <a:pPr>
            <a:defRPr sz="1200" b="0"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w="9525" cap="flat" cmpd="sng" algn="ctr">
      <a:noFill/>
      <a:round/>
    </a:ln>
    <a:effectLst/>
  </c:spPr>
  <c:txPr>
    <a:bodyPr/>
    <a:lstStyle/>
    <a:p>
      <a:pPr>
        <a:defRPr/>
      </a:pPr>
      <a:endParaRPr lang="en-US"/>
    </a:p>
  </c:txPr>
  <c:externalData r:id="rId4">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800" b="1" i="0" u="none" strike="noStrike" kern="1200" spc="0" baseline="0">
                <a:solidFill>
                  <a:srgbClr val="0070C0"/>
                </a:solidFill>
                <a:latin typeface="Arial" panose="020B0604020202020204" pitchFamily="34" charset="0"/>
                <a:ea typeface="+mn-ea"/>
                <a:cs typeface="Arial" panose="020B0604020202020204" pitchFamily="34" charset="0"/>
              </a:defRPr>
            </a:pPr>
            <a:r>
              <a:rPr lang="en-US" sz="1800" b="1">
                <a:solidFill>
                  <a:srgbClr val="0070C0"/>
                </a:solidFill>
                <a:latin typeface="Arial" panose="020B0604020202020204" pitchFamily="34" charset="0"/>
                <a:cs typeface="Arial" panose="020B0604020202020204" pitchFamily="34" charset="0"/>
              </a:rPr>
              <a:t>Food price index</a:t>
            </a:r>
          </a:p>
        </c:rich>
      </c:tx>
      <c:layout>
        <c:manualLayout>
          <c:xMode val="edge"/>
          <c:yMode val="edge"/>
          <c:x val="1.091802218990142E-2"/>
          <c:y val="0"/>
        </c:manualLayout>
      </c:layout>
      <c:overlay val="0"/>
      <c:spPr>
        <a:noFill/>
        <a:ln>
          <a:noFill/>
        </a:ln>
        <a:effectLst/>
      </c:spPr>
      <c:txPr>
        <a:bodyPr rot="0" spcFirstLastPara="1" vertOverflow="ellipsis" vert="horz" wrap="square" anchor="ctr" anchorCtr="1"/>
        <a:lstStyle/>
        <a:p>
          <a:pPr>
            <a:defRPr sz="1800" b="1" i="0" u="none" strike="noStrike" kern="1200" spc="0" baseline="0">
              <a:solidFill>
                <a:srgbClr val="0070C0"/>
              </a:solidFill>
              <a:latin typeface="Arial" panose="020B0604020202020204" pitchFamily="34" charset="0"/>
              <a:ea typeface="+mn-ea"/>
              <a:cs typeface="Arial" panose="020B0604020202020204" pitchFamily="34" charset="0"/>
            </a:defRPr>
          </a:pPr>
          <a:endParaRPr lang="en-US"/>
        </a:p>
      </c:txPr>
    </c:title>
    <c:autoTitleDeleted val="0"/>
    <c:plotArea>
      <c:layout>
        <c:manualLayout>
          <c:layoutTarget val="inner"/>
          <c:xMode val="edge"/>
          <c:yMode val="edge"/>
          <c:x val="0.14116945572886191"/>
          <c:y val="0.20182961974173833"/>
          <c:w val="0.84035637397766882"/>
          <c:h val="0.64431095791137694"/>
        </c:manualLayout>
      </c:layout>
      <c:lineChart>
        <c:grouping val="standard"/>
        <c:varyColors val="0"/>
        <c:ser>
          <c:idx val="0"/>
          <c:order val="0"/>
          <c:tx>
            <c:strRef>
              <c:f>'3 food indexes'!$D$3</c:f>
              <c:strCache>
                <c:ptCount val="1"/>
                <c:pt idx="0">
                  <c:v>Monthly</c:v>
                </c:pt>
              </c:strCache>
            </c:strRef>
          </c:tx>
          <c:spPr>
            <a:ln w="28575" cap="rnd">
              <a:solidFill>
                <a:sysClr val="windowText" lastClr="000000"/>
              </a:solidFill>
              <a:round/>
            </a:ln>
            <a:effectLst/>
          </c:spPr>
          <c:marker>
            <c:symbol val="none"/>
          </c:marker>
          <c:cat>
            <c:numRef>
              <c:f>'3 food indexes'!$C$4:$C$75</c:f>
              <c:numCache>
                <c:formatCode>dd\-mmm\-yy</c:formatCode>
                <c:ptCount val="72"/>
                <c:pt idx="0">
                  <c:v>41640</c:v>
                </c:pt>
                <c:pt idx="1">
                  <c:v>41671</c:v>
                </c:pt>
                <c:pt idx="2">
                  <c:v>41699</c:v>
                </c:pt>
                <c:pt idx="3">
                  <c:v>41730</c:v>
                </c:pt>
                <c:pt idx="4">
                  <c:v>41760</c:v>
                </c:pt>
                <c:pt idx="5">
                  <c:v>41791</c:v>
                </c:pt>
                <c:pt idx="6">
                  <c:v>41821</c:v>
                </c:pt>
                <c:pt idx="7">
                  <c:v>41852</c:v>
                </c:pt>
                <c:pt idx="8">
                  <c:v>41883</c:v>
                </c:pt>
                <c:pt idx="9">
                  <c:v>41913</c:v>
                </c:pt>
                <c:pt idx="10">
                  <c:v>41944</c:v>
                </c:pt>
                <c:pt idx="11">
                  <c:v>41974</c:v>
                </c:pt>
                <c:pt idx="12">
                  <c:v>42005</c:v>
                </c:pt>
                <c:pt idx="13">
                  <c:v>42036</c:v>
                </c:pt>
                <c:pt idx="14">
                  <c:v>42064</c:v>
                </c:pt>
                <c:pt idx="15">
                  <c:v>42095</c:v>
                </c:pt>
                <c:pt idx="16">
                  <c:v>42125</c:v>
                </c:pt>
                <c:pt idx="17">
                  <c:v>42156</c:v>
                </c:pt>
                <c:pt idx="18">
                  <c:v>42186</c:v>
                </c:pt>
                <c:pt idx="19">
                  <c:v>42217</c:v>
                </c:pt>
                <c:pt idx="20">
                  <c:v>42248</c:v>
                </c:pt>
                <c:pt idx="21">
                  <c:v>42278</c:v>
                </c:pt>
                <c:pt idx="22">
                  <c:v>42309</c:v>
                </c:pt>
                <c:pt idx="23">
                  <c:v>42339</c:v>
                </c:pt>
                <c:pt idx="24">
                  <c:v>42370</c:v>
                </c:pt>
                <c:pt idx="25">
                  <c:v>42401</c:v>
                </c:pt>
                <c:pt idx="26">
                  <c:v>42430</c:v>
                </c:pt>
                <c:pt idx="27">
                  <c:v>42461</c:v>
                </c:pt>
                <c:pt idx="28">
                  <c:v>42491</c:v>
                </c:pt>
                <c:pt idx="29">
                  <c:v>42522</c:v>
                </c:pt>
                <c:pt idx="30">
                  <c:v>42552</c:v>
                </c:pt>
                <c:pt idx="31">
                  <c:v>42583</c:v>
                </c:pt>
                <c:pt idx="32">
                  <c:v>42614</c:v>
                </c:pt>
                <c:pt idx="33">
                  <c:v>42644</c:v>
                </c:pt>
                <c:pt idx="34">
                  <c:v>42675</c:v>
                </c:pt>
                <c:pt idx="35">
                  <c:v>42705</c:v>
                </c:pt>
                <c:pt idx="36">
                  <c:v>42736</c:v>
                </c:pt>
                <c:pt idx="37">
                  <c:v>42767</c:v>
                </c:pt>
                <c:pt idx="38">
                  <c:v>42795</c:v>
                </c:pt>
                <c:pt idx="39">
                  <c:v>42826</c:v>
                </c:pt>
                <c:pt idx="40">
                  <c:v>42856</c:v>
                </c:pt>
                <c:pt idx="41">
                  <c:v>42887</c:v>
                </c:pt>
                <c:pt idx="42">
                  <c:v>42917</c:v>
                </c:pt>
                <c:pt idx="43">
                  <c:v>42948</c:v>
                </c:pt>
                <c:pt idx="44">
                  <c:v>42979</c:v>
                </c:pt>
                <c:pt idx="45">
                  <c:v>43009</c:v>
                </c:pt>
                <c:pt idx="46">
                  <c:v>43040</c:v>
                </c:pt>
                <c:pt idx="47">
                  <c:v>43070</c:v>
                </c:pt>
                <c:pt idx="48">
                  <c:v>43101</c:v>
                </c:pt>
                <c:pt idx="49">
                  <c:v>43132</c:v>
                </c:pt>
                <c:pt idx="50">
                  <c:v>43160</c:v>
                </c:pt>
                <c:pt idx="51">
                  <c:v>43191</c:v>
                </c:pt>
                <c:pt idx="52">
                  <c:v>43221</c:v>
                </c:pt>
                <c:pt idx="53">
                  <c:v>43252</c:v>
                </c:pt>
                <c:pt idx="54">
                  <c:v>43282</c:v>
                </c:pt>
                <c:pt idx="55">
                  <c:v>43313</c:v>
                </c:pt>
                <c:pt idx="56">
                  <c:v>43344</c:v>
                </c:pt>
                <c:pt idx="57">
                  <c:v>43374</c:v>
                </c:pt>
                <c:pt idx="58">
                  <c:v>43405</c:v>
                </c:pt>
                <c:pt idx="59">
                  <c:v>43435</c:v>
                </c:pt>
                <c:pt idx="60">
                  <c:v>43466</c:v>
                </c:pt>
                <c:pt idx="61">
                  <c:v>43497</c:v>
                </c:pt>
                <c:pt idx="62">
                  <c:v>43525</c:v>
                </c:pt>
                <c:pt idx="63">
                  <c:v>43556</c:v>
                </c:pt>
                <c:pt idx="64">
                  <c:v>43586</c:v>
                </c:pt>
                <c:pt idx="65">
                  <c:v>43617</c:v>
                </c:pt>
                <c:pt idx="66">
                  <c:v>43647</c:v>
                </c:pt>
                <c:pt idx="67">
                  <c:v>43678</c:v>
                </c:pt>
                <c:pt idx="68">
                  <c:v>43709</c:v>
                </c:pt>
                <c:pt idx="69">
                  <c:v>43739</c:v>
                </c:pt>
                <c:pt idx="70">
                  <c:v>43770</c:v>
                </c:pt>
                <c:pt idx="71">
                  <c:v>43800</c:v>
                </c:pt>
              </c:numCache>
            </c:numRef>
          </c:cat>
          <c:val>
            <c:numRef>
              <c:f>'3 food indexes'!$D$4:$D$75</c:f>
              <c:numCache>
                <c:formatCode>0.00</c:formatCode>
                <c:ptCount val="72"/>
                <c:pt idx="0">
                  <c:v>108.387265989509</c:v>
                </c:pt>
                <c:pt idx="1">
                  <c:v>112.373564470388</c:v>
                </c:pt>
                <c:pt idx="2">
                  <c:v>113.82729775602</c:v>
                </c:pt>
                <c:pt idx="3">
                  <c:v>112.490532538758</c:v>
                </c:pt>
                <c:pt idx="4">
                  <c:v>113.29949001913</c:v>
                </c:pt>
                <c:pt idx="5">
                  <c:v>110.327203462909</c:v>
                </c:pt>
                <c:pt idx="6">
                  <c:v>106.50242667645399</c:v>
                </c:pt>
                <c:pt idx="7">
                  <c:v>104.85349202542599</c:v>
                </c:pt>
                <c:pt idx="8">
                  <c:v>100.681008629955</c:v>
                </c:pt>
                <c:pt idx="9">
                  <c:v>100.129614449364</c:v>
                </c:pt>
                <c:pt idx="10">
                  <c:v>102.127356083444</c:v>
                </c:pt>
                <c:pt idx="11">
                  <c:v>100.21541567958801</c:v>
                </c:pt>
                <c:pt idx="12">
                  <c:v>97.552799021166194</c:v>
                </c:pt>
                <c:pt idx="13">
                  <c:v>94.6449371449187</c:v>
                </c:pt>
                <c:pt idx="14">
                  <c:v>92.451602298232004</c:v>
                </c:pt>
                <c:pt idx="15">
                  <c:v>91.857099208627602</c:v>
                </c:pt>
                <c:pt idx="16">
                  <c:v>90.013443328295807</c:v>
                </c:pt>
                <c:pt idx="17">
                  <c:v>89.338653156918895</c:v>
                </c:pt>
                <c:pt idx="18">
                  <c:v>90.167855786595297</c:v>
                </c:pt>
                <c:pt idx="19">
                  <c:v>84.990226083599197</c:v>
                </c:pt>
                <c:pt idx="20">
                  <c:v>83.080541981310503</c:v>
                </c:pt>
                <c:pt idx="21">
                  <c:v>84.296015050677596</c:v>
                </c:pt>
                <c:pt idx="22">
                  <c:v>82.900879880136898</c:v>
                </c:pt>
                <c:pt idx="23">
                  <c:v>83.117638751596502</c:v>
                </c:pt>
                <c:pt idx="24">
                  <c:v>82.716078740363898</c:v>
                </c:pt>
                <c:pt idx="25">
                  <c:v>83.831701361472099</c:v>
                </c:pt>
                <c:pt idx="26">
                  <c:v>86.025175312573495</c:v>
                </c:pt>
                <c:pt idx="27">
                  <c:v>88.812552437603003</c:v>
                </c:pt>
                <c:pt idx="28">
                  <c:v>93.237088071300704</c:v>
                </c:pt>
                <c:pt idx="29">
                  <c:v>97.468814236244995</c:v>
                </c:pt>
                <c:pt idx="30">
                  <c:v>93.979108019175399</c:v>
                </c:pt>
                <c:pt idx="31">
                  <c:v>92.005797407120895</c:v>
                </c:pt>
                <c:pt idx="32">
                  <c:v>90.998976616052005</c:v>
                </c:pt>
                <c:pt idx="33">
                  <c:v>89.912614978235297</c:v>
                </c:pt>
                <c:pt idx="34">
                  <c:v>90.866992271008002</c:v>
                </c:pt>
                <c:pt idx="35">
                  <c:v>90.707584737890897</c:v>
                </c:pt>
                <c:pt idx="36">
                  <c:v>93.240332520291105</c:v>
                </c:pt>
                <c:pt idx="37">
                  <c:v>93.074695657526107</c:v>
                </c:pt>
                <c:pt idx="38">
                  <c:v>91.247921592618397</c:v>
                </c:pt>
                <c:pt idx="39">
                  <c:v>89.434475069088904</c:v>
                </c:pt>
                <c:pt idx="40">
                  <c:v>92.082713889519098</c:v>
                </c:pt>
                <c:pt idx="41">
                  <c:v>91.374539839077897</c:v>
                </c:pt>
                <c:pt idx="42">
                  <c:v>91.771106449059502</c:v>
                </c:pt>
                <c:pt idx="43">
                  <c:v>88.142148522653599</c:v>
                </c:pt>
                <c:pt idx="44">
                  <c:v>89.594565116937105</c:v>
                </c:pt>
                <c:pt idx="45">
                  <c:v>89.077727761807395</c:v>
                </c:pt>
                <c:pt idx="46">
                  <c:v>89.858857981961194</c:v>
                </c:pt>
                <c:pt idx="47">
                  <c:v>89.118054803739795</c:v>
                </c:pt>
                <c:pt idx="48">
                  <c:v>91.494448043879004</c:v>
                </c:pt>
                <c:pt idx="49">
                  <c:v>93.467208298187998</c:v>
                </c:pt>
              </c:numCache>
            </c:numRef>
          </c:val>
          <c:smooth val="0"/>
          <c:extLst>
            <c:ext xmlns:c16="http://schemas.microsoft.com/office/drawing/2014/chart" uri="{C3380CC4-5D6E-409C-BE32-E72D297353CC}">
              <c16:uniqueId val="{00000000-685E-4ED1-BF87-F5105A40C082}"/>
            </c:ext>
          </c:extLst>
        </c:ser>
        <c:ser>
          <c:idx val="1"/>
          <c:order val="1"/>
          <c:tx>
            <c:strRef>
              <c:f>'3 food indexes'!$E$3</c:f>
              <c:strCache>
                <c:ptCount val="1"/>
                <c:pt idx="0">
                  <c:v>Annual average</c:v>
                </c:pt>
              </c:strCache>
            </c:strRef>
          </c:tx>
          <c:spPr>
            <a:ln w="28575" cap="rnd">
              <a:solidFill>
                <a:srgbClr val="C00000"/>
              </a:solidFill>
              <a:round/>
            </a:ln>
            <a:effectLst/>
          </c:spPr>
          <c:marker>
            <c:symbol val="none"/>
          </c:marker>
          <c:cat>
            <c:numRef>
              <c:f>'3 food indexes'!$C$4:$C$75</c:f>
              <c:numCache>
                <c:formatCode>dd\-mmm\-yy</c:formatCode>
                <c:ptCount val="72"/>
                <c:pt idx="0">
                  <c:v>41640</c:v>
                </c:pt>
                <c:pt idx="1">
                  <c:v>41671</c:v>
                </c:pt>
                <c:pt idx="2">
                  <c:v>41699</c:v>
                </c:pt>
                <c:pt idx="3">
                  <c:v>41730</c:v>
                </c:pt>
                <c:pt idx="4">
                  <c:v>41760</c:v>
                </c:pt>
                <c:pt idx="5">
                  <c:v>41791</c:v>
                </c:pt>
                <c:pt idx="6">
                  <c:v>41821</c:v>
                </c:pt>
                <c:pt idx="7">
                  <c:v>41852</c:v>
                </c:pt>
                <c:pt idx="8">
                  <c:v>41883</c:v>
                </c:pt>
                <c:pt idx="9">
                  <c:v>41913</c:v>
                </c:pt>
                <c:pt idx="10">
                  <c:v>41944</c:v>
                </c:pt>
                <c:pt idx="11">
                  <c:v>41974</c:v>
                </c:pt>
                <c:pt idx="12">
                  <c:v>42005</c:v>
                </c:pt>
                <c:pt idx="13">
                  <c:v>42036</c:v>
                </c:pt>
                <c:pt idx="14">
                  <c:v>42064</c:v>
                </c:pt>
                <c:pt idx="15">
                  <c:v>42095</c:v>
                </c:pt>
                <c:pt idx="16">
                  <c:v>42125</c:v>
                </c:pt>
                <c:pt idx="17">
                  <c:v>42156</c:v>
                </c:pt>
                <c:pt idx="18">
                  <c:v>42186</c:v>
                </c:pt>
                <c:pt idx="19">
                  <c:v>42217</c:v>
                </c:pt>
                <c:pt idx="20">
                  <c:v>42248</c:v>
                </c:pt>
                <c:pt idx="21">
                  <c:v>42278</c:v>
                </c:pt>
                <c:pt idx="22">
                  <c:v>42309</c:v>
                </c:pt>
                <c:pt idx="23">
                  <c:v>42339</c:v>
                </c:pt>
                <c:pt idx="24">
                  <c:v>42370</c:v>
                </c:pt>
                <c:pt idx="25">
                  <c:v>42401</c:v>
                </c:pt>
                <c:pt idx="26">
                  <c:v>42430</c:v>
                </c:pt>
                <c:pt idx="27">
                  <c:v>42461</c:v>
                </c:pt>
                <c:pt idx="28">
                  <c:v>42491</c:v>
                </c:pt>
                <c:pt idx="29">
                  <c:v>42522</c:v>
                </c:pt>
                <c:pt idx="30">
                  <c:v>42552</c:v>
                </c:pt>
                <c:pt idx="31">
                  <c:v>42583</c:v>
                </c:pt>
                <c:pt idx="32">
                  <c:v>42614</c:v>
                </c:pt>
                <c:pt idx="33">
                  <c:v>42644</c:v>
                </c:pt>
                <c:pt idx="34">
                  <c:v>42675</c:v>
                </c:pt>
                <c:pt idx="35">
                  <c:v>42705</c:v>
                </c:pt>
                <c:pt idx="36">
                  <c:v>42736</c:v>
                </c:pt>
                <c:pt idx="37">
                  <c:v>42767</c:v>
                </c:pt>
                <c:pt idx="38">
                  <c:v>42795</c:v>
                </c:pt>
                <c:pt idx="39">
                  <c:v>42826</c:v>
                </c:pt>
                <c:pt idx="40">
                  <c:v>42856</c:v>
                </c:pt>
                <c:pt idx="41">
                  <c:v>42887</c:v>
                </c:pt>
                <c:pt idx="42">
                  <c:v>42917</c:v>
                </c:pt>
                <c:pt idx="43">
                  <c:v>42948</c:v>
                </c:pt>
                <c:pt idx="44">
                  <c:v>42979</c:v>
                </c:pt>
                <c:pt idx="45">
                  <c:v>43009</c:v>
                </c:pt>
                <c:pt idx="46">
                  <c:v>43040</c:v>
                </c:pt>
                <c:pt idx="47">
                  <c:v>43070</c:v>
                </c:pt>
                <c:pt idx="48">
                  <c:v>43101</c:v>
                </c:pt>
                <c:pt idx="49">
                  <c:v>43132</c:v>
                </c:pt>
                <c:pt idx="50">
                  <c:v>43160</c:v>
                </c:pt>
                <c:pt idx="51">
                  <c:v>43191</c:v>
                </c:pt>
                <c:pt idx="52">
                  <c:v>43221</c:v>
                </c:pt>
                <c:pt idx="53">
                  <c:v>43252</c:v>
                </c:pt>
                <c:pt idx="54">
                  <c:v>43282</c:v>
                </c:pt>
                <c:pt idx="55">
                  <c:v>43313</c:v>
                </c:pt>
                <c:pt idx="56">
                  <c:v>43344</c:v>
                </c:pt>
                <c:pt idx="57">
                  <c:v>43374</c:v>
                </c:pt>
                <c:pt idx="58">
                  <c:v>43405</c:v>
                </c:pt>
                <c:pt idx="59">
                  <c:v>43435</c:v>
                </c:pt>
                <c:pt idx="60">
                  <c:v>43466</c:v>
                </c:pt>
                <c:pt idx="61">
                  <c:v>43497</c:v>
                </c:pt>
                <c:pt idx="62">
                  <c:v>43525</c:v>
                </c:pt>
                <c:pt idx="63">
                  <c:v>43556</c:v>
                </c:pt>
                <c:pt idx="64">
                  <c:v>43586</c:v>
                </c:pt>
                <c:pt idx="65">
                  <c:v>43617</c:v>
                </c:pt>
                <c:pt idx="66">
                  <c:v>43647</c:v>
                </c:pt>
                <c:pt idx="67">
                  <c:v>43678</c:v>
                </c:pt>
                <c:pt idx="68">
                  <c:v>43709</c:v>
                </c:pt>
                <c:pt idx="69">
                  <c:v>43739</c:v>
                </c:pt>
                <c:pt idx="70">
                  <c:v>43770</c:v>
                </c:pt>
                <c:pt idx="71">
                  <c:v>43800</c:v>
                </c:pt>
              </c:numCache>
            </c:numRef>
          </c:cat>
          <c:val>
            <c:numRef>
              <c:f>'3 food indexes'!$E$4:$E$75</c:f>
              <c:numCache>
                <c:formatCode>0.00</c:formatCode>
                <c:ptCount val="72"/>
                <c:pt idx="0">
                  <c:v>107.10122231507876</c:v>
                </c:pt>
                <c:pt idx="1">
                  <c:v>107.10122231507876</c:v>
                </c:pt>
                <c:pt idx="2">
                  <c:v>107.10122231507876</c:v>
                </c:pt>
                <c:pt idx="3">
                  <c:v>107.10122231507876</c:v>
                </c:pt>
                <c:pt idx="4">
                  <c:v>107.10122231507876</c:v>
                </c:pt>
                <c:pt idx="5">
                  <c:v>107.10122231507876</c:v>
                </c:pt>
                <c:pt idx="6">
                  <c:v>107.10122231507876</c:v>
                </c:pt>
                <c:pt idx="7">
                  <c:v>107.10122231507876</c:v>
                </c:pt>
                <c:pt idx="8">
                  <c:v>107.10122231507876</c:v>
                </c:pt>
                <c:pt idx="9">
                  <c:v>107.10122231507876</c:v>
                </c:pt>
                <c:pt idx="10">
                  <c:v>107.10122231507876</c:v>
                </c:pt>
                <c:pt idx="11">
                  <c:v>107.10122231507876</c:v>
                </c:pt>
                <c:pt idx="12">
                  <c:v>88.700974307672936</c:v>
                </c:pt>
                <c:pt idx="13">
                  <c:v>88.700974307672936</c:v>
                </c:pt>
                <c:pt idx="14">
                  <c:v>88.700974307672936</c:v>
                </c:pt>
                <c:pt idx="15">
                  <c:v>88.700974307672936</c:v>
                </c:pt>
                <c:pt idx="16">
                  <c:v>88.700974307672936</c:v>
                </c:pt>
                <c:pt idx="17">
                  <c:v>88.700974307672936</c:v>
                </c:pt>
                <c:pt idx="18">
                  <c:v>88.700974307672936</c:v>
                </c:pt>
                <c:pt idx="19">
                  <c:v>88.700974307672936</c:v>
                </c:pt>
                <c:pt idx="20">
                  <c:v>88.700974307672936</c:v>
                </c:pt>
                <c:pt idx="21">
                  <c:v>88.700974307672936</c:v>
                </c:pt>
                <c:pt idx="22">
                  <c:v>88.700974307672936</c:v>
                </c:pt>
                <c:pt idx="23">
                  <c:v>88.700974307672936</c:v>
                </c:pt>
                <c:pt idx="24">
                  <c:v>90.04687368242007</c:v>
                </c:pt>
                <c:pt idx="25">
                  <c:v>90.04687368242007</c:v>
                </c:pt>
                <c:pt idx="26">
                  <c:v>90.04687368242007</c:v>
                </c:pt>
                <c:pt idx="27">
                  <c:v>90.04687368242007</c:v>
                </c:pt>
                <c:pt idx="28">
                  <c:v>90.04687368242007</c:v>
                </c:pt>
                <c:pt idx="29">
                  <c:v>90.04687368242007</c:v>
                </c:pt>
                <c:pt idx="30">
                  <c:v>90.04687368242007</c:v>
                </c:pt>
                <c:pt idx="31">
                  <c:v>90.04687368242007</c:v>
                </c:pt>
                <c:pt idx="32">
                  <c:v>90.04687368242007</c:v>
                </c:pt>
                <c:pt idx="33">
                  <c:v>90.04687368242007</c:v>
                </c:pt>
                <c:pt idx="34">
                  <c:v>90.04687368242007</c:v>
                </c:pt>
                <c:pt idx="35">
                  <c:v>90.04687368242007</c:v>
                </c:pt>
                <c:pt idx="36">
                  <c:v>90.668094933690028</c:v>
                </c:pt>
                <c:pt idx="37">
                  <c:v>90.668094933690028</c:v>
                </c:pt>
                <c:pt idx="38">
                  <c:v>90.668094933690028</c:v>
                </c:pt>
                <c:pt idx="39">
                  <c:v>90.668094933690028</c:v>
                </c:pt>
                <c:pt idx="40">
                  <c:v>90.668094933690028</c:v>
                </c:pt>
                <c:pt idx="41">
                  <c:v>90.668094933690028</c:v>
                </c:pt>
                <c:pt idx="42">
                  <c:v>90.668094933690028</c:v>
                </c:pt>
                <c:pt idx="43">
                  <c:v>90.668094933690028</c:v>
                </c:pt>
                <c:pt idx="44">
                  <c:v>90.668094933690028</c:v>
                </c:pt>
                <c:pt idx="45">
                  <c:v>90.668094933690028</c:v>
                </c:pt>
                <c:pt idx="46">
                  <c:v>90.668094933690028</c:v>
                </c:pt>
                <c:pt idx="47">
                  <c:v>90.668094933690028</c:v>
                </c:pt>
              </c:numCache>
            </c:numRef>
          </c:val>
          <c:smooth val="0"/>
          <c:extLst>
            <c:ext xmlns:c16="http://schemas.microsoft.com/office/drawing/2014/chart" uri="{C3380CC4-5D6E-409C-BE32-E72D297353CC}">
              <c16:uniqueId val="{00000001-685E-4ED1-BF87-F5105A40C082}"/>
            </c:ext>
          </c:extLst>
        </c:ser>
        <c:ser>
          <c:idx val="2"/>
          <c:order val="2"/>
          <c:tx>
            <c:strRef>
              <c:f>'3 food indexes'!$F$3</c:f>
              <c:strCache>
                <c:ptCount val="1"/>
                <c:pt idx="0">
                  <c:v>Baseline forecasts</c:v>
                </c:pt>
              </c:strCache>
            </c:strRef>
          </c:tx>
          <c:spPr>
            <a:ln w="28575" cap="rnd">
              <a:solidFill>
                <a:srgbClr val="FF0000"/>
              </a:solidFill>
              <a:prstDash val="sysDash"/>
              <a:round/>
            </a:ln>
            <a:effectLst/>
          </c:spPr>
          <c:marker>
            <c:symbol val="none"/>
          </c:marker>
          <c:cat>
            <c:numRef>
              <c:f>'3 food indexes'!$C$4:$C$75</c:f>
              <c:numCache>
                <c:formatCode>dd\-mmm\-yy</c:formatCode>
                <c:ptCount val="72"/>
                <c:pt idx="0">
                  <c:v>41640</c:v>
                </c:pt>
                <c:pt idx="1">
                  <c:v>41671</c:v>
                </c:pt>
                <c:pt idx="2">
                  <c:v>41699</c:v>
                </c:pt>
                <c:pt idx="3">
                  <c:v>41730</c:v>
                </c:pt>
                <c:pt idx="4">
                  <c:v>41760</c:v>
                </c:pt>
                <c:pt idx="5">
                  <c:v>41791</c:v>
                </c:pt>
                <c:pt idx="6">
                  <c:v>41821</c:v>
                </c:pt>
                <c:pt idx="7">
                  <c:v>41852</c:v>
                </c:pt>
                <c:pt idx="8">
                  <c:v>41883</c:v>
                </c:pt>
                <c:pt idx="9">
                  <c:v>41913</c:v>
                </c:pt>
                <c:pt idx="10">
                  <c:v>41944</c:v>
                </c:pt>
                <c:pt idx="11">
                  <c:v>41974</c:v>
                </c:pt>
                <c:pt idx="12">
                  <c:v>42005</c:v>
                </c:pt>
                <c:pt idx="13">
                  <c:v>42036</c:v>
                </c:pt>
                <c:pt idx="14">
                  <c:v>42064</c:v>
                </c:pt>
                <c:pt idx="15">
                  <c:v>42095</c:v>
                </c:pt>
                <c:pt idx="16">
                  <c:v>42125</c:v>
                </c:pt>
                <c:pt idx="17">
                  <c:v>42156</c:v>
                </c:pt>
                <c:pt idx="18">
                  <c:v>42186</c:v>
                </c:pt>
                <c:pt idx="19">
                  <c:v>42217</c:v>
                </c:pt>
                <c:pt idx="20">
                  <c:v>42248</c:v>
                </c:pt>
                <c:pt idx="21">
                  <c:v>42278</c:v>
                </c:pt>
                <c:pt idx="22">
                  <c:v>42309</c:v>
                </c:pt>
                <c:pt idx="23">
                  <c:v>42339</c:v>
                </c:pt>
                <c:pt idx="24">
                  <c:v>42370</c:v>
                </c:pt>
                <c:pt idx="25">
                  <c:v>42401</c:v>
                </c:pt>
                <c:pt idx="26">
                  <c:v>42430</c:v>
                </c:pt>
                <c:pt idx="27">
                  <c:v>42461</c:v>
                </c:pt>
                <c:pt idx="28">
                  <c:v>42491</c:v>
                </c:pt>
                <c:pt idx="29">
                  <c:v>42522</c:v>
                </c:pt>
                <c:pt idx="30">
                  <c:v>42552</c:v>
                </c:pt>
                <c:pt idx="31">
                  <c:v>42583</c:v>
                </c:pt>
                <c:pt idx="32">
                  <c:v>42614</c:v>
                </c:pt>
                <c:pt idx="33">
                  <c:v>42644</c:v>
                </c:pt>
                <c:pt idx="34">
                  <c:v>42675</c:v>
                </c:pt>
                <c:pt idx="35">
                  <c:v>42705</c:v>
                </c:pt>
                <c:pt idx="36">
                  <c:v>42736</c:v>
                </c:pt>
                <c:pt idx="37">
                  <c:v>42767</c:v>
                </c:pt>
                <c:pt idx="38">
                  <c:v>42795</c:v>
                </c:pt>
                <c:pt idx="39">
                  <c:v>42826</c:v>
                </c:pt>
                <c:pt idx="40">
                  <c:v>42856</c:v>
                </c:pt>
                <c:pt idx="41">
                  <c:v>42887</c:v>
                </c:pt>
                <c:pt idx="42">
                  <c:v>42917</c:v>
                </c:pt>
                <c:pt idx="43">
                  <c:v>42948</c:v>
                </c:pt>
                <c:pt idx="44">
                  <c:v>42979</c:v>
                </c:pt>
                <c:pt idx="45">
                  <c:v>43009</c:v>
                </c:pt>
                <c:pt idx="46">
                  <c:v>43040</c:v>
                </c:pt>
                <c:pt idx="47">
                  <c:v>43070</c:v>
                </c:pt>
                <c:pt idx="48">
                  <c:v>43101</c:v>
                </c:pt>
                <c:pt idx="49">
                  <c:v>43132</c:v>
                </c:pt>
                <c:pt idx="50">
                  <c:v>43160</c:v>
                </c:pt>
                <c:pt idx="51">
                  <c:v>43191</c:v>
                </c:pt>
                <c:pt idx="52">
                  <c:v>43221</c:v>
                </c:pt>
                <c:pt idx="53">
                  <c:v>43252</c:v>
                </c:pt>
                <c:pt idx="54">
                  <c:v>43282</c:v>
                </c:pt>
                <c:pt idx="55">
                  <c:v>43313</c:v>
                </c:pt>
                <c:pt idx="56">
                  <c:v>43344</c:v>
                </c:pt>
                <c:pt idx="57">
                  <c:v>43374</c:v>
                </c:pt>
                <c:pt idx="58">
                  <c:v>43405</c:v>
                </c:pt>
                <c:pt idx="59">
                  <c:v>43435</c:v>
                </c:pt>
                <c:pt idx="60">
                  <c:v>43466</c:v>
                </c:pt>
                <c:pt idx="61">
                  <c:v>43497</c:v>
                </c:pt>
                <c:pt idx="62">
                  <c:v>43525</c:v>
                </c:pt>
                <c:pt idx="63">
                  <c:v>43556</c:v>
                </c:pt>
                <c:pt idx="64">
                  <c:v>43586</c:v>
                </c:pt>
                <c:pt idx="65">
                  <c:v>43617</c:v>
                </c:pt>
                <c:pt idx="66">
                  <c:v>43647</c:v>
                </c:pt>
                <c:pt idx="67">
                  <c:v>43678</c:v>
                </c:pt>
                <c:pt idx="68">
                  <c:v>43709</c:v>
                </c:pt>
                <c:pt idx="69">
                  <c:v>43739</c:v>
                </c:pt>
                <c:pt idx="70">
                  <c:v>43770</c:v>
                </c:pt>
                <c:pt idx="71">
                  <c:v>43800</c:v>
                </c:pt>
              </c:numCache>
            </c:numRef>
          </c:cat>
          <c:val>
            <c:numRef>
              <c:f>'3 food indexes'!$F$4:$F$75</c:f>
              <c:numCache>
                <c:formatCode>General</c:formatCode>
                <c:ptCount val="72"/>
                <c:pt idx="47" formatCode="0.00">
                  <c:v>90.668094933690028</c:v>
                </c:pt>
                <c:pt idx="48" formatCode="0.00">
                  <c:v>91.756112072894311</c:v>
                </c:pt>
                <c:pt idx="49" formatCode="0.00">
                  <c:v>91.756112072894311</c:v>
                </c:pt>
                <c:pt idx="50" formatCode="0.00">
                  <c:v>91.756112072894311</c:v>
                </c:pt>
                <c:pt idx="51" formatCode="0.00">
                  <c:v>91.756112072894311</c:v>
                </c:pt>
                <c:pt idx="52" formatCode="0.00">
                  <c:v>91.756112072894311</c:v>
                </c:pt>
                <c:pt idx="53" formatCode="0.00">
                  <c:v>91.756112072894311</c:v>
                </c:pt>
                <c:pt idx="54" formatCode="0.00">
                  <c:v>91.756112072894311</c:v>
                </c:pt>
                <c:pt idx="55" formatCode="0.00">
                  <c:v>91.756112072894311</c:v>
                </c:pt>
                <c:pt idx="56" formatCode="0.00">
                  <c:v>91.756112072894311</c:v>
                </c:pt>
                <c:pt idx="57" formatCode="0.00">
                  <c:v>91.756112072894311</c:v>
                </c:pt>
                <c:pt idx="58" formatCode="0.00">
                  <c:v>91.756112072894311</c:v>
                </c:pt>
                <c:pt idx="59" formatCode="0.00">
                  <c:v>91.756112072894311</c:v>
                </c:pt>
                <c:pt idx="60" formatCode="0.00">
                  <c:v>92.857185417769045</c:v>
                </c:pt>
                <c:pt idx="61" formatCode="0.00">
                  <c:v>92.857185417769045</c:v>
                </c:pt>
                <c:pt idx="62" formatCode="0.00">
                  <c:v>92.857185417769045</c:v>
                </c:pt>
                <c:pt idx="63" formatCode="0.00">
                  <c:v>92.857185417769045</c:v>
                </c:pt>
                <c:pt idx="64" formatCode="0.00">
                  <c:v>92.857185417769045</c:v>
                </c:pt>
                <c:pt idx="65" formatCode="0.00">
                  <c:v>92.857185417769045</c:v>
                </c:pt>
                <c:pt idx="66" formatCode="0.00">
                  <c:v>92.857185417769045</c:v>
                </c:pt>
                <c:pt idx="67" formatCode="0.00">
                  <c:v>92.857185417769045</c:v>
                </c:pt>
                <c:pt idx="68" formatCode="0.00">
                  <c:v>92.857185417769045</c:v>
                </c:pt>
                <c:pt idx="69" formatCode="0.00">
                  <c:v>92.857185417769045</c:v>
                </c:pt>
                <c:pt idx="70" formatCode="0.00">
                  <c:v>92.857185417769045</c:v>
                </c:pt>
                <c:pt idx="71" formatCode="0.00">
                  <c:v>92.857185417769045</c:v>
                </c:pt>
              </c:numCache>
            </c:numRef>
          </c:val>
          <c:smooth val="0"/>
          <c:extLst>
            <c:ext xmlns:c16="http://schemas.microsoft.com/office/drawing/2014/chart" uri="{C3380CC4-5D6E-409C-BE32-E72D297353CC}">
              <c16:uniqueId val="{00000002-685E-4ED1-BF87-F5105A40C082}"/>
            </c:ext>
          </c:extLst>
        </c:ser>
        <c:dLbls>
          <c:showLegendKey val="0"/>
          <c:showVal val="0"/>
          <c:showCatName val="0"/>
          <c:showSerName val="0"/>
          <c:showPercent val="0"/>
          <c:showBubbleSize val="0"/>
        </c:dLbls>
        <c:smooth val="0"/>
        <c:axId val="826594864"/>
        <c:axId val="826595192"/>
      </c:lineChart>
      <c:dateAx>
        <c:axId val="826594864"/>
        <c:scaling>
          <c:orientation val="minMax"/>
        </c:scaling>
        <c:delete val="0"/>
        <c:axPos val="b"/>
        <c:numFmt formatCode="yyyy" sourceLinked="0"/>
        <c:majorTickMark val="out"/>
        <c:minorTickMark val="none"/>
        <c:tickLblPos val="nextTo"/>
        <c:spPr>
          <a:noFill/>
          <a:ln w="9525" cap="flat" cmpd="sng" algn="ctr">
            <a:solidFill>
              <a:schemeClr val="tx1"/>
            </a:solidFill>
            <a:round/>
          </a:ln>
          <a:effectLst/>
        </c:spPr>
        <c:txPr>
          <a:bodyPr rot="-60000000" spcFirstLastPara="1" vertOverflow="ellipsis" vert="horz" wrap="square" anchor="ctr" anchorCtr="1"/>
          <a:lstStyle/>
          <a:p>
            <a:pPr>
              <a:defRPr sz="1400" b="1"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en-US"/>
          </a:p>
        </c:txPr>
        <c:crossAx val="826595192"/>
        <c:crosses val="autoZero"/>
        <c:auto val="1"/>
        <c:lblOffset val="100"/>
        <c:baseTimeUnit val="months"/>
        <c:majorUnit val="12"/>
        <c:majorTimeUnit val="months"/>
      </c:dateAx>
      <c:valAx>
        <c:axId val="826595192"/>
        <c:scaling>
          <c:orientation val="minMax"/>
          <c:min val="80"/>
        </c:scaling>
        <c:delete val="0"/>
        <c:axPos val="l"/>
        <c:numFmt formatCode="0" sourceLinked="0"/>
        <c:majorTickMark val="out"/>
        <c:minorTickMark val="none"/>
        <c:tickLblPos val="nextTo"/>
        <c:spPr>
          <a:noFill/>
          <a:ln>
            <a:solidFill>
              <a:schemeClr val="tx1"/>
            </a:solidFill>
          </a:ln>
          <a:effectLst/>
        </c:spPr>
        <c:txPr>
          <a:bodyPr rot="-60000000" spcFirstLastPara="1" vertOverflow="ellipsis" vert="horz" wrap="square" anchor="ctr" anchorCtr="1"/>
          <a:lstStyle/>
          <a:p>
            <a:pPr>
              <a:defRPr sz="1400" b="1"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en-US"/>
          </a:p>
        </c:txPr>
        <c:crossAx val="826594864"/>
        <c:crosses val="autoZero"/>
        <c:crossBetween val="between"/>
        <c:majorUnit val="10"/>
      </c:valAx>
      <c:spPr>
        <a:noFill/>
        <a:ln>
          <a:noFill/>
        </a:ln>
        <a:effectLst/>
      </c:spPr>
    </c:plotArea>
    <c:legend>
      <c:legendPos val="t"/>
      <c:layout>
        <c:manualLayout>
          <c:xMode val="edge"/>
          <c:yMode val="edge"/>
          <c:x val="0.52299420640360506"/>
          <c:y val="0.27707936722501963"/>
          <c:w val="0.39196661843864455"/>
          <c:h val="0.15184891051708663"/>
        </c:manualLayout>
      </c:layout>
      <c:overlay val="0"/>
      <c:spPr>
        <a:noFill/>
        <a:ln>
          <a:noFill/>
        </a:ln>
        <a:effectLst/>
      </c:spPr>
      <c:txPr>
        <a:bodyPr rot="0" spcFirstLastPara="1" vertOverflow="ellipsis" vert="horz" wrap="square" anchor="ctr" anchorCtr="1"/>
        <a:lstStyle/>
        <a:p>
          <a:pPr>
            <a:defRPr sz="1200" b="0" i="0" u="none" strike="noStrike" kern="1200" baseline="0">
              <a:solidFill>
                <a:sysClr val="windowText" lastClr="000000"/>
              </a:solidFill>
              <a:latin typeface="Arial" panose="020B0604020202020204" pitchFamily="34" charset="0"/>
              <a:ea typeface="+mn-ea"/>
              <a:cs typeface="Arial" panose="020B0604020202020204" pitchFamily="34" charset="0"/>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w="9525" cap="flat" cmpd="sng" algn="ctr">
      <a:noFill/>
      <a:round/>
    </a:ln>
    <a:effectLst/>
  </c:spPr>
  <c:txPr>
    <a:bodyPr/>
    <a:lstStyle/>
    <a:p>
      <a:pPr>
        <a:defRPr sz="1600">
          <a:solidFill>
            <a:sysClr val="windowText" lastClr="000000"/>
          </a:solidFill>
        </a:defRPr>
      </a:pPr>
      <a:endParaRPr lang="en-US"/>
    </a:p>
  </c:txPr>
  <c:externalData r:id="rId4">
    <c:autoUpdate val="0"/>
  </c:externalData>
  <c:userShapes r:id="rId5"/>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lang="ja-JP" sz="1800" b="0" i="0" u="none" strike="noStrike" kern="1200" spc="0" baseline="0">
                <a:solidFill>
                  <a:schemeClr val="tx1"/>
                </a:solidFill>
                <a:latin typeface="Arial" panose="020B0604020202020204" pitchFamily="34" charset="0"/>
                <a:ea typeface="+mn-ea"/>
                <a:cs typeface="Arial" panose="020B0604020202020204" pitchFamily="34" charset="0"/>
              </a:defRPr>
            </a:pPr>
            <a:r>
              <a:rPr lang="en-US" sz="1800" dirty="0">
                <a:solidFill>
                  <a:schemeClr val="tx1"/>
                </a:solidFill>
                <a:latin typeface="Arial" panose="020B0604020202020204" pitchFamily="34" charset="0"/>
                <a:cs typeface="Arial" panose="020B0604020202020204" pitchFamily="34" charset="0"/>
              </a:rPr>
              <a:t>Inflation </a:t>
            </a:r>
            <a:r>
              <a:rPr lang="en-US" sz="1800" baseline="0" dirty="0">
                <a:solidFill>
                  <a:schemeClr val="tx1"/>
                </a:solidFill>
                <a:latin typeface="Arial" panose="020B0604020202020204" pitchFamily="34" charset="0"/>
                <a:cs typeface="Arial" panose="020B0604020202020204" pitchFamily="34" charset="0"/>
              </a:rPr>
              <a:t>(%)</a:t>
            </a:r>
            <a:endParaRPr lang="en-US" sz="1800" dirty="0">
              <a:solidFill>
                <a:schemeClr val="tx1"/>
              </a:solidFill>
              <a:latin typeface="Arial" panose="020B0604020202020204" pitchFamily="34" charset="0"/>
              <a:cs typeface="Arial" panose="020B0604020202020204" pitchFamily="34" charset="0"/>
            </a:endParaRPr>
          </a:p>
        </c:rich>
      </c:tx>
      <c:layout>
        <c:manualLayout>
          <c:xMode val="edge"/>
          <c:yMode val="edge"/>
          <c:x val="1.0028148655331127E-2"/>
          <c:y val="3.1796987999015546E-3"/>
        </c:manualLayout>
      </c:layout>
      <c:overlay val="0"/>
      <c:spPr>
        <a:noFill/>
        <a:ln>
          <a:noFill/>
        </a:ln>
        <a:effectLst/>
      </c:spPr>
    </c:title>
    <c:autoTitleDeleted val="0"/>
    <c:plotArea>
      <c:layout>
        <c:manualLayout>
          <c:layoutTarget val="inner"/>
          <c:xMode val="edge"/>
          <c:yMode val="edge"/>
          <c:x val="5.8910317369749075E-2"/>
          <c:y val="0.13165730658480571"/>
          <c:w val="0.90794426059061462"/>
          <c:h val="0.73414813741005769"/>
        </c:manualLayout>
      </c:layout>
      <c:barChart>
        <c:barDir val="col"/>
        <c:grouping val="clustered"/>
        <c:varyColors val="0"/>
        <c:ser>
          <c:idx val="0"/>
          <c:order val="0"/>
          <c:tx>
            <c:strRef>
              <c:f>Sheet1!$B$1</c:f>
              <c:strCache>
                <c:ptCount val="1"/>
                <c:pt idx="0">
                  <c:v>Developing Asia</c:v>
                </c:pt>
              </c:strCache>
            </c:strRef>
          </c:tx>
          <c:spPr>
            <a:solidFill>
              <a:srgbClr val="00B0F0"/>
            </a:solidFill>
            <a:ln>
              <a:noFill/>
            </a:ln>
            <a:effectLst/>
          </c:spPr>
          <c:invertIfNegative val="0"/>
          <c:dPt>
            <c:idx val="5"/>
            <c:invertIfNegative val="0"/>
            <c:bubble3D val="0"/>
            <c:spPr>
              <a:solidFill>
                <a:srgbClr val="0070C0"/>
              </a:solidFill>
              <a:ln>
                <a:noFill/>
              </a:ln>
              <a:effectLst/>
            </c:spPr>
            <c:extLst>
              <c:ext xmlns:c16="http://schemas.microsoft.com/office/drawing/2014/chart" uri="{C3380CC4-5D6E-409C-BE32-E72D297353CC}">
                <c16:uniqueId val="{00000000-49A3-4C3F-8A03-7AB3F4DE31B5}"/>
              </c:ext>
            </c:extLst>
          </c:dPt>
          <c:dPt>
            <c:idx val="6"/>
            <c:invertIfNegative val="0"/>
            <c:bubble3D val="0"/>
            <c:spPr>
              <a:solidFill>
                <a:srgbClr val="0070C0"/>
              </a:solidFill>
              <a:ln>
                <a:noFill/>
              </a:ln>
              <a:effectLst/>
            </c:spPr>
            <c:extLst>
              <c:ext xmlns:c16="http://schemas.microsoft.com/office/drawing/2014/chart" uri="{C3380CC4-5D6E-409C-BE32-E72D297353CC}">
                <c16:uniqueId val="{00000001-49A3-4C3F-8A03-7AB3F4DE31B5}"/>
              </c:ext>
            </c:extLst>
          </c:dPt>
          <c:dLbls>
            <c:spPr>
              <a:noFill/>
              <a:ln>
                <a:noFill/>
              </a:ln>
              <a:effectLst/>
            </c:spPr>
            <c:txPr>
              <a:bodyPr rot="0" spcFirstLastPara="1" vertOverflow="ellipsis" vert="horz" wrap="square" lIns="38100" tIns="19050" rIns="38100" bIns="19050" anchor="ctr" anchorCtr="1">
                <a:spAutoFit/>
              </a:bodyPr>
              <a:lstStyle/>
              <a:p>
                <a:pPr>
                  <a:defRPr lang="ja-JP" sz="2000" b="1" i="0" u="none" strike="noStrike" kern="1200" baseline="0">
                    <a:solidFill>
                      <a:srgbClr val="0070C0"/>
                    </a:solidFill>
                    <a:latin typeface="Arial" panose="020B0604020202020204" pitchFamily="34" charset="0"/>
                    <a:ea typeface="+mn-ea"/>
                    <a:cs typeface="Arial" panose="020B0604020202020204" pitchFamily="34" charset="0"/>
                  </a:defRPr>
                </a:pPr>
                <a:endParaRPr lang="en-US"/>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numRef>
              <c:f>Sheet1!$A$3:$A$9</c:f>
              <c:numCache>
                <c:formatCode>General</c:formatCode>
                <c:ptCount val="7"/>
                <c:pt idx="0">
                  <c:v>2013</c:v>
                </c:pt>
                <c:pt idx="1">
                  <c:v>2014</c:v>
                </c:pt>
                <c:pt idx="2">
                  <c:v>2015</c:v>
                </c:pt>
                <c:pt idx="3">
                  <c:v>2016</c:v>
                </c:pt>
                <c:pt idx="4">
                  <c:v>2017</c:v>
                </c:pt>
                <c:pt idx="5">
                  <c:v>2018</c:v>
                </c:pt>
                <c:pt idx="6">
                  <c:v>2019</c:v>
                </c:pt>
              </c:numCache>
            </c:numRef>
          </c:cat>
          <c:val>
            <c:numRef>
              <c:f>Sheet1!$B$3:$B$9</c:f>
              <c:numCache>
                <c:formatCode>0.0</c:formatCode>
                <c:ptCount val="7"/>
                <c:pt idx="0">
                  <c:v>3.7</c:v>
                </c:pt>
                <c:pt idx="1">
                  <c:v>2.9650880174133354</c:v>
                </c:pt>
                <c:pt idx="2">
                  <c:v>2.1562867928637424</c:v>
                </c:pt>
                <c:pt idx="3">
                  <c:v>2.4</c:v>
                </c:pt>
                <c:pt idx="4">
                  <c:v>2.2999999999999998</c:v>
                </c:pt>
                <c:pt idx="5">
                  <c:v>2.9</c:v>
                </c:pt>
                <c:pt idx="6">
                  <c:v>2.9</c:v>
                </c:pt>
              </c:numCache>
            </c:numRef>
          </c:val>
          <c:extLst>
            <c:ext xmlns:c16="http://schemas.microsoft.com/office/drawing/2014/chart" uri="{C3380CC4-5D6E-409C-BE32-E72D297353CC}">
              <c16:uniqueId val="{00000002-49A3-4C3F-8A03-7AB3F4DE31B5}"/>
            </c:ext>
          </c:extLst>
        </c:ser>
        <c:dLbls>
          <c:showLegendKey val="0"/>
          <c:showVal val="0"/>
          <c:showCatName val="0"/>
          <c:showSerName val="0"/>
          <c:showPercent val="0"/>
          <c:showBubbleSize val="0"/>
        </c:dLbls>
        <c:gapWidth val="75"/>
        <c:axId val="694359696"/>
        <c:axId val="694360088"/>
      </c:barChart>
      <c:lineChart>
        <c:grouping val="stacked"/>
        <c:varyColors val="0"/>
        <c:ser>
          <c:idx val="2"/>
          <c:order val="1"/>
          <c:tx>
            <c:strRef>
              <c:f>Sheet1!$C$1</c:f>
              <c:strCache>
                <c:ptCount val="1"/>
                <c:pt idx="0">
                  <c:v>10-year average (2008-2017)</c:v>
                </c:pt>
              </c:strCache>
            </c:strRef>
          </c:tx>
          <c:spPr>
            <a:ln>
              <a:solidFill>
                <a:srgbClr val="C00000"/>
              </a:solidFill>
            </a:ln>
          </c:spPr>
          <c:marker>
            <c:symbol val="none"/>
          </c:marker>
          <c:cat>
            <c:numRef>
              <c:f>Sheet1!$A$3:$A$9</c:f>
              <c:numCache>
                <c:formatCode>General</c:formatCode>
                <c:ptCount val="7"/>
                <c:pt idx="0">
                  <c:v>2013</c:v>
                </c:pt>
                <c:pt idx="1">
                  <c:v>2014</c:v>
                </c:pt>
                <c:pt idx="2">
                  <c:v>2015</c:v>
                </c:pt>
                <c:pt idx="3">
                  <c:v>2016</c:v>
                </c:pt>
                <c:pt idx="4">
                  <c:v>2017</c:v>
                </c:pt>
                <c:pt idx="5">
                  <c:v>2018</c:v>
                </c:pt>
                <c:pt idx="6">
                  <c:v>2019</c:v>
                </c:pt>
              </c:numCache>
            </c:numRef>
          </c:cat>
          <c:val>
            <c:numRef>
              <c:f>Sheet1!$C$3:$C$9</c:f>
              <c:numCache>
                <c:formatCode>_(* #,##0.0_);_(* \(#,##0.0\);_(* "-"??_);_(@_)</c:formatCode>
                <c:ptCount val="7"/>
                <c:pt idx="0">
                  <c:v>3.7</c:v>
                </c:pt>
                <c:pt idx="1">
                  <c:v>3.7</c:v>
                </c:pt>
                <c:pt idx="2">
                  <c:v>3.7</c:v>
                </c:pt>
                <c:pt idx="3">
                  <c:v>3.7</c:v>
                </c:pt>
                <c:pt idx="4">
                  <c:v>3.7</c:v>
                </c:pt>
                <c:pt idx="5">
                  <c:v>3.7</c:v>
                </c:pt>
                <c:pt idx="6">
                  <c:v>3.7</c:v>
                </c:pt>
              </c:numCache>
            </c:numRef>
          </c:val>
          <c:smooth val="0"/>
          <c:extLst>
            <c:ext xmlns:c16="http://schemas.microsoft.com/office/drawing/2014/chart" uri="{C3380CC4-5D6E-409C-BE32-E72D297353CC}">
              <c16:uniqueId val="{00000002-25F0-4F4D-80B4-1A9DCCDFA9EA}"/>
            </c:ext>
          </c:extLst>
        </c:ser>
        <c:dLbls>
          <c:showLegendKey val="0"/>
          <c:showVal val="0"/>
          <c:showCatName val="0"/>
          <c:showSerName val="0"/>
          <c:showPercent val="0"/>
          <c:showBubbleSize val="0"/>
        </c:dLbls>
        <c:marker val="1"/>
        <c:smooth val="0"/>
        <c:axId val="694359696"/>
        <c:axId val="694360088"/>
      </c:lineChart>
      <c:catAx>
        <c:axId val="694359696"/>
        <c:scaling>
          <c:orientation val="minMax"/>
        </c:scaling>
        <c:delete val="0"/>
        <c:axPos val="b"/>
        <c:numFmt formatCode="General" sourceLinked="1"/>
        <c:majorTickMark val="none"/>
        <c:minorTickMark val="none"/>
        <c:tickLblPos val="nextTo"/>
        <c:spPr>
          <a:noFill/>
          <a:ln w="9525" cap="flat" cmpd="sng" algn="ctr">
            <a:solidFill>
              <a:schemeClr val="bg1">
                <a:lumMod val="50000"/>
              </a:schemeClr>
            </a:solidFill>
            <a:round/>
          </a:ln>
          <a:effectLst/>
        </c:spPr>
        <c:txPr>
          <a:bodyPr rot="-60000000" spcFirstLastPara="1" vertOverflow="ellipsis" vert="horz" wrap="square" anchor="ctr" anchorCtr="1"/>
          <a:lstStyle/>
          <a:p>
            <a:pPr>
              <a:defRPr lang="ja-JP" sz="18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694360088"/>
        <c:crosses val="autoZero"/>
        <c:auto val="1"/>
        <c:lblAlgn val="ctr"/>
        <c:lblOffset val="100"/>
        <c:noMultiLvlLbl val="0"/>
      </c:catAx>
      <c:valAx>
        <c:axId val="694360088"/>
        <c:scaling>
          <c:orientation val="minMax"/>
          <c:max val="5"/>
        </c:scaling>
        <c:delete val="0"/>
        <c:axPos val="l"/>
        <c:numFmt formatCode="#,##0" sourceLinked="0"/>
        <c:majorTickMark val="out"/>
        <c:minorTickMark val="none"/>
        <c:tickLblPos val="nextTo"/>
        <c:spPr>
          <a:noFill/>
          <a:ln>
            <a:solidFill>
              <a:schemeClr val="bg1">
                <a:lumMod val="50000"/>
              </a:schemeClr>
            </a:solidFill>
          </a:ln>
          <a:effectLst/>
        </c:spPr>
        <c:txPr>
          <a:bodyPr rot="-60000000" spcFirstLastPara="1" vertOverflow="ellipsis" vert="horz" wrap="square" anchor="ctr" anchorCtr="1"/>
          <a:lstStyle/>
          <a:p>
            <a:pPr>
              <a:defRPr lang="ja-JP" sz="18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694359696"/>
        <c:crosses val="autoZero"/>
        <c:crossBetween val="between"/>
        <c:majorUnit val="1"/>
      </c:valAx>
      <c:spPr>
        <a:noFill/>
        <a:ln>
          <a:noFill/>
        </a:ln>
        <a:effectLst/>
      </c:spPr>
    </c:plotArea>
    <c:legend>
      <c:legendPos val="r"/>
      <c:legendEntry>
        <c:idx val="1"/>
        <c:txPr>
          <a:bodyPr/>
          <a:lstStyle/>
          <a:p>
            <a:pPr>
              <a:defRPr lang="ja-JP" sz="1600" b="1">
                <a:solidFill>
                  <a:srgbClr val="C00000"/>
                </a:solidFill>
                <a:latin typeface="Arial" panose="020B0604020202020204" pitchFamily="34" charset="0"/>
                <a:cs typeface="Arial" panose="020B0604020202020204" pitchFamily="34" charset="0"/>
              </a:defRPr>
            </a:pPr>
            <a:endParaRPr lang="en-US"/>
          </a:p>
        </c:txPr>
      </c:legendEntry>
      <c:layout>
        <c:manualLayout>
          <c:xMode val="edge"/>
          <c:yMode val="edge"/>
          <c:x val="0.27766467597347427"/>
          <c:y val="5.8478416479953242E-2"/>
          <c:w val="0.40671535623264482"/>
          <c:h val="0.1558302781936006"/>
        </c:manualLayout>
      </c:layout>
      <c:overlay val="0"/>
      <c:txPr>
        <a:bodyPr/>
        <a:lstStyle/>
        <a:p>
          <a:pPr>
            <a:defRPr lang="ja-JP" sz="1600" b="1">
              <a:latin typeface="Arial" panose="020B0604020202020204" pitchFamily="34" charset="0"/>
              <a:cs typeface="Arial" panose="020B0604020202020204" pitchFamily="34" charset="0"/>
            </a:defRPr>
          </a:pPr>
          <a:endParaRPr lang="en-US"/>
        </a:p>
      </c:txPr>
    </c:legend>
    <c:plotVisOnly val="1"/>
    <c:dispBlanksAs val="gap"/>
    <c:showDLblsOverMax val="0"/>
  </c:chart>
  <c:spPr>
    <a:noFill/>
    <a:ln>
      <a:noFill/>
    </a:ln>
    <a:effectLst/>
  </c:spPr>
  <c:txPr>
    <a:bodyPr/>
    <a:lstStyle/>
    <a:p>
      <a:pPr>
        <a:defRPr sz="1600"/>
      </a:pPr>
      <a:endParaRPr lang="en-US"/>
    </a:p>
  </c:txPr>
  <c:externalData r:id="rId1">
    <c:autoUpdate val="0"/>
  </c:externalData>
  <c:userShapes r:id="rId2"/>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3319262927185649E-2"/>
          <c:y val="9.4768640031107229E-2"/>
          <c:w val="0.91778039343020268"/>
          <c:h val="0.69023135996889273"/>
        </c:manualLayout>
      </c:layout>
      <c:barChart>
        <c:barDir val="col"/>
        <c:grouping val="clustered"/>
        <c:varyColors val="0"/>
        <c:ser>
          <c:idx val="0"/>
          <c:order val="0"/>
          <c:invertIfNegative val="0"/>
          <c:dPt>
            <c:idx val="1"/>
            <c:invertIfNegative val="0"/>
            <c:bubble3D val="0"/>
            <c:spPr>
              <a:solidFill>
                <a:srgbClr val="FF0000"/>
              </a:solidFill>
              <a:ln>
                <a:solidFill>
                  <a:srgbClr val="FF0000"/>
                </a:solidFill>
              </a:ln>
            </c:spPr>
            <c:extLst>
              <c:ext xmlns:c16="http://schemas.microsoft.com/office/drawing/2014/chart" uri="{C3380CC4-5D6E-409C-BE32-E72D297353CC}">
                <c16:uniqueId val="{00000001-D065-45AF-87A1-ABC4F2097921}"/>
              </c:ext>
            </c:extLst>
          </c:dPt>
          <c:dPt>
            <c:idx val="4"/>
            <c:invertIfNegative val="0"/>
            <c:bubble3D val="0"/>
            <c:spPr>
              <a:solidFill>
                <a:srgbClr val="FF0000"/>
              </a:solidFill>
              <a:ln>
                <a:solidFill>
                  <a:srgbClr val="FF0000"/>
                </a:solidFill>
              </a:ln>
            </c:spPr>
            <c:extLst>
              <c:ext xmlns:c16="http://schemas.microsoft.com/office/drawing/2014/chart" uri="{C3380CC4-5D6E-409C-BE32-E72D297353CC}">
                <c16:uniqueId val="{00000003-D065-45AF-87A1-ABC4F2097921}"/>
              </c:ext>
            </c:extLst>
          </c:dPt>
          <c:dPt>
            <c:idx val="7"/>
            <c:invertIfNegative val="0"/>
            <c:bubble3D val="0"/>
            <c:spPr>
              <a:solidFill>
                <a:srgbClr val="FF0000"/>
              </a:solidFill>
              <a:ln>
                <a:solidFill>
                  <a:srgbClr val="FF0000"/>
                </a:solidFill>
              </a:ln>
            </c:spPr>
            <c:extLst>
              <c:ext xmlns:c16="http://schemas.microsoft.com/office/drawing/2014/chart" uri="{C3380CC4-5D6E-409C-BE32-E72D297353CC}">
                <c16:uniqueId val="{00000005-D065-45AF-87A1-ABC4F2097921}"/>
              </c:ext>
            </c:extLst>
          </c:dPt>
          <c:dPt>
            <c:idx val="10"/>
            <c:invertIfNegative val="0"/>
            <c:bubble3D val="0"/>
            <c:spPr>
              <a:solidFill>
                <a:srgbClr val="FF0000"/>
              </a:solidFill>
              <a:ln>
                <a:solidFill>
                  <a:srgbClr val="FF0000"/>
                </a:solidFill>
              </a:ln>
            </c:spPr>
            <c:extLst>
              <c:ext xmlns:c16="http://schemas.microsoft.com/office/drawing/2014/chart" uri="{C3380CC4-5D6E-409C-BE32-E72D297353CC}">
                <c16:uniqueId val="{00000007-D065-45AF-87A1-ABC4F2097921}"/>
              </c:ext>
            </c:extLst>
          </c:dPt>
          <c:cat>
            <c:multiLvlStrRef>
              <c:f>'Figure 2.4.4'!$A$59:$B$69</c:f>
              <c:multiLvlStrCache>
                <c:ptCount val="11"/>
                <c:lvl>
                  <c:pt idx="0">
                    <c:v>Non-routine cognitive</c:v>
                  </c:pt>
                  <c:pt idx="1">
                    <c:v>Manual</c:v>
                  </c:pt>
                  <c:pt idx="3">
                    <c:v>Non-routine cognitive</c:v>
                  </c:pt>
                  <c:pt idx="4">
                    <c:v>Manual</c:v>
                  </c:pt>
                  <c:pt idx="6">
                    <c:v>Non-routine cognitive</c:v>
                  </c:pt>
                  <c:pt idx="7">
                    <c:v>Manual</c:v>
                  </c:pt>
                  <c:pt idx="9">
                    <c:v>Non-routine cognitive</c:v>
                  </c:pt>
                  <c:pt idx="10">
                    <c:v>Manual</c:v>
                  </c:pt>
                </c:lvl>
                <c:lvl>
                  <c:pt idx="0">
                    <c:v>INDIA</c:v>
                  </c:pt>
                  <c:pt idx="3">
                    <c:v>INDONESIA</c:v>
                  </c:pt>
                  <c:pt idx="6">
                    <c:v>THAILAND</c:v>
                  </c:pt>
                  <c:pt idx="9">
                    <c:v>VIET NAM</c:v>
                  </c:pt>
                </c:lvl>
              </c:multiLvlStrCache>
            </c:multiLvlStrRef>
          </c:cat>
          <c:val>
            <c:numRef>
              <c:f>'Figure 2.4.4'!$C$59:$C$69</c:f>
              <c:numCache>
                <c:formatCode>General</c:formatCode>
                <c:ptCount val="11"/>
                <c:pt idx="0">
                  <c:v>80.3767761674101</c:v>
                </c:pt>
                <c:pt idx="1">
                  <c:v>37.958774034498092</c:v>
                </c:pt>
                <c:pt idx="3">
                  <c:v>33.830895607583415</c:v>
                </c:pt>
                <c:pt idx="4">
                  <c:v>17.488845938729895</c:v>
                </c:pt>
                <c:pt idx="6">
                  <c:v>76.489519206701729</c:v>
                </c:pt>
                <c:pt idx="7">
                  <c:v>22.299412669678155</c:v>
                </c:pt>
                <c:pt idx="9">
                  <c:v>61.161886825524171</c:v>
                </c:pt>
                <c:pt idx="10">
                  <c:v>56.311529577651633</c:v>
                </c:pt>
              </c:numCache>
            </c:numRef>
          </c:val>
          <c:extLst>
            <c:ext xmlns:c16="http://schemas.microsoft.com/office/drawing/2014/chart" uri="{C3380CC4-5D6E-409C-BE32-E72D297353CC}">
              <c16:uniqueId val="{00000008-D065-45AF-87A1-ABC4F2097921}"/>
            </c:ext>
          </c:extLst>
        </c:ser>
        <c:dLbls>
          <c:showLegendKey val="0"/>
          <c:showVal val="0"/>
          <c:showCatName val="0"/>
          <c:showSerName val="0"/>
          <c:showPercent val="0"/>
          <c:showBubbleSize val="0"/>
        </c:dLbls>
        <c:gapWidth val="0"/>
        <c:axId val="41619456"/>
        <c:axId val="41647104"/>
      </c:barChart>
      <c:catAx>
        <c:axId val="41619456"/>
        <c:scaling>
          <c:orientation val="minMax"/>
        </c:scaling>
        <c:delete val="0"/>
        <c:axPos val="b"/>
        <c:numFmt formatCode="General" sourceLinked="0"/>
        <c:majorTickMark val="out"/>
        <c:minorTickMark val="none"/>
        <c:tickLblPos val="nextTo"/>
        <c:txPr>
          <a:bodyPr/>
          <a:lstStyle/>
          <a:p>
            <a:pPr>
              <a:defRPr sz="1100" b="1">
                <a:solidFill>
                  <a:schemeClr val="tx1"/>
                </a:solidFill>
                <a:latin typeface="Arial" panose="020B0604020202020204" pitchFamily="34" charset="0"/>
                <a:cs typeface="Arial" panose="020B0604020202020204" pitchFamily="34" charset="0"/>
              </a:defRPr>
            </a:pPr>
            <a:endParaRPr lang="en-US"/>
          </a:p>
        </c:txPr>
        <c:crossAx val="41647104"/>
        <c:crosses val="autoZero"/>
        <c:auto val="1"/>
        <c:lblAlgn val="ctr"/>
        <c:lblOffset val="100"/>
        <c:noMultiLvlLbl val="0"/>
      </c:catAx>
      <c:valAx>
        <c:axId val="41647104"/>
        <c:scaling>
          <c:orientation val="minMax"/>
        </c:scaling>
        <c:delete val="0"/>
        <c:axPos val="l"/>
        <c:numFmt formatCode="General" sourceLinked="1"/>
        <c:majorTickMark val="out"/>
        <c:minorTickMark val="none"/>
        <c:tickLblPos val="nextTo"/>
        <c:txPr>
          <a:bodyPr/>
          <a:lstStyle/>
          <a:p>
            <a:pPr>
              <a:defRPr sz="1400">
                <a:latin typeface="Arial" panose="020B0604020202020204" pitchFamily="34" charset="0"/>
                <a:cs typeface="Arial" panose="020B0604020202020204" pitchFamily="34" charset="0"/>
              </a:defRPr>
            </a:pPr>
            <a:endParaRPr lang="en-US"/>
          </a:p>
        </c:txPr>
        <c:crossAx val="41619456"/>
        <c:crosses val="autoZero"/>
        <c:crossBetween val="between"/>
        <c:majorUnit val="20"/>
      </c:valAx>
    </c:plotArea>
    <c:plotVisOnly val="1"/>
    <c:dispBlanksAs val="gap"/>
    <c:showDLblsOverMax val="0"/>
  </c:chart>
  <c:spPr>
    <a:ln>
      <a:solidFill>
        <a:schemeClr val="bg1">
          <a:lumMod val="75000"/>
        </a:schemeClr>
      </a:solidFill>
    </a:ln>
  </c:spPr>
  <c:externalData r:id="rId1">
    <c:autoUpdate val="0"/>
  </c:externalData>
  <c:userShapes r:id="rId2"/>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42985679421651241"/>
          <c:y val="5.3243381595547888E-2"/>
          <c:w val="0.52789174379518344"/>
          <c:h val="0.85606243307038399"/>
        </c:manualLayout>
      </c:layout>
      <c:barChart>
        <c:barDir val="bar"/>
        <c:grouping val="clustered"/>
        <c:varyColors val="0"/>
        <c:ser>
          <c:idx val="0"/>
          <c:order val="0"/>
          <c:tx>
            <c:strRef>
              <c:f>Sheet1!$B$1</c:f>
              <c:strCache>
                <c:ptCount val="1"/>
                <c:pt idx="0">
                  <c:v>2017</c:v>
                </c:pt>
              </c:strCache>
            </c:strRef>
          </c:tx>
          <c:spPr>
            <a:solidFill>
              <a:srgbClr val="C00000"/>
            </a:solidFill>
            <a:ln>
              <a:noFill/>
            </a:ln>
            <a:effectLst/>
          </c:spPr>
          <c:invertIfNegative val="0"/>
          <c:cat>
            <c:strRef>
              <c:f>Sheet1!$A$2:$A$26</c:f>
              <c:strCache>
                <c:ptCount val="25"/>
                <c:pt idx="0">
                  <c:v>Azerbaijan</c:v>
                </c:pt>
                <c:pt idx="1">
                  <c:v>Kyrgyz Republic</c:v>
                </c:pt>
                <c:pt idx="2">
                  <c:v>Tajikistan</c:v>
                </c:pt>
                <c:pt idx="3">
                  <c:v>Kazakhstan</c:v>
                </c:pt>
                <c:pt idx="4">
                  <c:v>Georgia</c:v>
                </c:pt>
                <c:pt idx="5">
                  <c:v>Mongolia</c:v>
                </c:pt>
                <c:pt idx="6">
                  <c:v>Armenia</c:v>
                </c:pt>
                <c:pt idx="7">
                  <c:v>Viet Nam</c:v>
                </c:pt>
                <c:pt idx="8">
                  <c:v>Indonesia</c:v>
                </c:pt>
                <c:pt idx="9">
                  <c:v>Republic of Korea</c:v>
                </c:pt>
                <c:pt idx="10">
                  <c:v>Malaysia</c:v>
                </c:pt>
                <c:pt idx="11">
                  <c:v>Taipei,China</c:v>
                </c:pt>
                <c:pt idx="12">
                  <c:v>India</c:v>
                </c:pt>
                <c:pt idx="13">
                  <c:v>Singapore</c:v>
                </c:pt>
                <c:pt idx="14">
                  <c:v>Philippines</c:v>
                </c:pt>
                <c:pt idx="15">
                  <c:v>Thailand</c:v>
                </c:pt>
                <c:pt idx="16">
                  <c:v>Sri Lanka</c:v>
                </c:pt>
                <c:pt idx="17">
                  <c:v>Hong Kong, China</c:v>
                </c:pt>
                <c:pt idx="18">
                  <c:v>People's Rep. of China</c:v>
                </c:pt>
                <c:pt idx="19">
                  <c:v>Pakistan</c:v>
                </c:pt>
                <c:pt idx="20">
                  <c:v>Bangladesh</c:v>
                </c:pt>
                <c:pt idx="21">
                  <c:v>Brunei Darussalam</c:v>
                </c:pt>
                <c:pt idx="22">
                  <c:v>Nepal</c:v>
                </c:pt>
                <c:pt idx="23">
                  <c:v>Cambodia</c:v>
                </c:pt>
                <c:pt idx="24">
                  <c:v>Myanmar</c:v>
                </c:pt>
              </c:strCache>
            </c:strRef>
          </c:cat>
          <c:val>
            <c:numRef>
              <c:f>Sheet1!$B$2:$B$26</c:f>
              <c:numCache>
                <c:formatCode>0.0</c:formatCode>
                <c:ptCount val="25"/>
                <c:pt idx="0">
                  <c:v>51.05732558266709</c:v>
                </c:pt>
                <c:pt idx="1">
                  <c:v>40.713866303219106</c:v>
                </c:pt>
                <c:pt idx="2">
                  <c:v>33.314788027150314</c:v>
                </c:pt>
                <c:pt idx="3">
                  <c:v>31.45156027365968</c:v>
                </c:pt>
                <c:pt idx="4">
                  <c:v>29.095869805926327</c:v>
                </c:pt>
                <c:pt idx="5">
                  <c:v>26.123618948447259</c:v>
                </c:pt>
                <c:pt idx="6">
                  <c:v>25.181132865903308</c:v>
                </c:pt>
                <c:pt idx="7">
                  <c:v>21.373810187178435</c:v>
                </c:pt>
                <c:pt idx="8">
                  <c:v>16.271830066791253</c:v>
                </c:pt>
                <c:pt idx="9">
                  <c:v>15.798220416153413</c:v>
                </c:pt>
                <c:pt idx="10">
                  <c:v>14.714428903519817</c:v>
                </c:pt>
                <c:pt idx="11">
                  <c:v>13.173346860854878</c:v>
                </c:pt>
                <c:pt idx="12">
                  <c:v>12.713886265248192</c:v>
                </c:pt>
                <c:pt idx="13">
                  <c:v>10.391022663410325</c:v>
                </c:pt>
                <c:pt idx="14">
                  <c:v>10.15086862447032</c:v>
                </c:pt>
                <c:pt idx="15">
                  <c:v>9.8922439938839517</c:v>
                </c:pt>
                <c:pt idx="16">
                  <c:v>9.3675018737139055</c:v>
                </c:pt>
                <c:pt idx="17">
                  <c:v>7.5848121411084009</c:v>
                </c:pt>
                <c:pt idx="18">
                  <c:v>6.7286058073230635</c:v>
                </c:pt>
                <c:pt idx="19">
                  <c:v>5.6838751723197447</c:v>
                </c:pt>
                <c:pt idx="20">
                  <c:v>3.0105117153468512</c:v>
                </c:pt>
                <c:pt idx="21">
                  <c:v>2.5213178009160657</c:v>
                </c:pt>
                <c:pt idx="22">
                  <c:v>2.052380960067552</c:v>
                </c:pt>
                <c:pt idx="23" formatCode="General">
                  <c:v>-1.8492920091098171</c:v>
                </c:pt>
                <c:pt idx="24" formatCode="General">
                  <c:v>-14.130649854841053</c:v>
                </c:pt>
              </c:numCache>
            </c:numRef>
          </c:val>
          <c:extLst>
            <c:ext xmlns:c16="http://schemas.microsoft.com/office/drawing/2014/chart" uri="{C3380CC4-5D6E-409C-BE32-E72D297353CC}">
              <c16:uniqueId val="{00000000-0276-47BB-850C-9075972A1341}"/>
            </c:ext>
          </c:extLst>
        </c:ser>
        <c:ser>
          <c:idx val="1"/>
          <c:order val="1"/>
          <c:tx>
            <c:strRef>
              <c:f>Sheet1!$C$1</c:f>
              <c:strCache>
                <c:ptCount val="1"/>
                <c:pt idx="0">
                  <c:v>2016</c:v>
                </c:pt>
              </c:strCache>
            </c:strRef>
          </c:tx>
          <c:spPr>
            <a:solidFill>
              <a:srgbClr val="00B050"/>
            </a:solidFill>
            <a:ln>
              <a:noFill/>
            </a:ln>
            <a:effectLst/>
          </c:spPr>
          <c:invertIfNegative val="0"/>
          <c:cat>
            <c:strRef>
              <c:f>Sheet1!$A$2:$A$26</c:f>
              <c:strCache>
                <c:ptCount val="25"/>
                <c:pt idx="0">
                  <c:v>Azerbaijan</c:v>
                </c:pt>
                <c:pt idx="1">
                  <c:v>Kyrgyz Republic</c:v>
                </c:pt>
                <c:pt idx="2">
                  <c:v>Tajikistan</c:v>
                </c:pt>
                <c:pt idx="3">
                  <c:v>Kazakhstan</c:v>
                </c:pt>
                <c:pt idx="4">
                  <c:v>Georgia</c:v>
                </c:pt>
                <c:pt idx="5">
                  <c:v>Mongolia</c:v>
                </c:pt>
                <c:pt idx="6">
                  <c:v>Armenia</c:v>
                </c:pt>
                <c:pt idx="7">
                  <c:v>Viet Nam</c:v>
                </c:pt>
                <c:pt idx="8">
                  <c:v>Indonesia</c:v>
                </c:pt>
                <c:pt idx="9">
                  <c:v>Republic of Korea</c:v>
                </c:pt>
                <c:pt idx="10">
                  <c:v>Malaysia</c:v>
                </c:pt>
                <c:pt idx="11">
                  <c:v>Taipei,China</c:v>
                </c:pt>
                <c:pt idx="12">
                  <c:v>India</c:v>
                </c:pt>
                <c:pt idx="13">
                  <c:v>Singapore</c:v>
                </c:pt>
                <c:pt idx="14">
                  <c:v>Philippines</c:v>
                </c:pt>
                <c:pt idx="15">
                  <c:v>Thailand</c:v>
                </c:pt>
                <c:pt idx="16">
                  <c:v>Sri Lanka</c:v>
                </c:pt>
                <c:pt idx="17">
                  <c:v>Hong Kong, China</c:v>
                </c:pt>
                <c:pt idx="18">
                  <c:v>People's Rep. of China</c:v>
                </c:pt>
                <c:pt idx="19">
                  <c:v>Pakistan</c:v>
                </c:pt>
                <c:pt idx="20">
                  <c:v>Bangladesh</c:v>
                </c:pt>
                <c:pt idx="21">
                  <c:v>Brunei Darussalam</c:v>
                </c:pt>
                <c:pt idx="22">
                  <c:v>Nepal</c:v>
                </c:pt>
                <c:pt idx="23">
                  <c:v>Cambodia</c:v>
                </c:pt>
                <c:pt idx="24">
                  <c:v>Myanmar</c:v>
                </c:pt>
              </c:strCache>
            </c:strRef>
          </c:cat>
          <c:val>
            <c:numRef>
              <c:f>Sheet1!$C$2:$C$26</c:f>
              <c:numCache>
                <c:formatCode>0.0</c:formatCode>
                <c:ptCount val="25"/>
                <c:pt idx="0">
                  <c:v>-28.17009843586743</c:v>
                </c:pt>
                <c:pt idx="1">
                  <c:v>2.1376796595159675</c:v>
                </c:pt>
                <c:pt idx="2">
                  <c:v>0.90949921401302447</c:v>
                </c:pt>
                <c:pt idx="3">
                  <c:v>-19.573280613048254</c:v>
                </c:pt>
                <c:pt idx="4">
                  <c:v>-4.1524819260945662</c:v>
                </c:pt>
                <c:pt idx="5">
                  <c:v>5.2910678636676494</c:v>
                </c:pt>
                <c:pt idx="6">
                  <c:v>20.62783454778365</c:v>
                </c:pt>
                <c:pt idx="7">
                  <c:v>8.989125527907845</c:v>
                </c:pt>
                <c:pt idx="8">
                  <c:v>-3.4449744050923101</c:v>
                </c:pt>
                <c:pt idx="9">
                  <c:v>-5.9478267021074913</c:v>
                </c:pt>
                <c:pt idx="10">
                  <c:v>-4.6438161694473763</c:v>
                </c:pt>
                <c:pt idx="11">
                  <c:v>-1.7600516312333951</c:v>
                </c:pt>
                <c:pt idx="12">
                  <c:v>-1.2574694821237529</c:v>
                </c:pt>
                <c:pt idx="13">
                  <c:v>-5.5158371673886109</c:v>
                </c:pt>
                <c:pt idx="14">
                  <c:v>-2.4157376059305449</c:v>
                </c:pt>
                <c:pt idx="15">
                  <c:v>0.50298262434269247</c:v>
                </c:pt>
                <c:pt idx="16">
                  <c:v>1.3110715942614206</c:v>
                </c:pt>
                <c:pt idx="17">
                  <c:v>-0.62697657471015589</c:v>
                </c:pt>
                <c:pt idx="18">
                  <c:v>-6.3899789317195115</c:v>
                </c:pt>
                <c:pt idx="19">
                  <c:v>-7.0249636165334692</c:v>
                </c:pt>
                <c:pt idx="20">
                  <c:v>7.7696139746191335</c:v>
                </c:pt>
                <c:pt idx="21">
                  <c:v>-22.086311948502029</c:v>
                </c:pt>
                <c:pt idx="22">
                  <c:v>6.3764621090172113E-3</c:v>
                </c:pt>
                <c:pt idx="23">
                  <c:v>17.739504116044344</c:v>
                </c:pt>
                <c:pt idx="24">
                  <c:v>-4.264585568505268</c:v>
                </c:pt>
              </c:numCache>
            </c:numRef>
          </c:val>
          <c:extLst>
            <c:ext xmlns:c16="http://schemas.microsoft.com/office/drawing/2014/chart" uri="{C3380CC4-5D6E-409C-BE32-E72D297353CC}">
              <c16:uniqueId val="{00000001-0276-47BB-850C-9075972A1341}"/>
            </c:ext>
          </c:extLst>
        </c:ser>
        <c:ser>
          <c:idx val="2"/>
          <c:order val="2"/>
          <c:tx>
            <c:strRef>
              <c:f>Sheet1!$D$1</c:f>
              <c:strCache>
                <c:ptCount val="1"/>
                <c:pt idx="0">
                  <c:v>2015</c:v>
                </c:pt>
              </c:strCache>
            </c:strRef>
          </c:tx>
          <c:spPr>
            <a:solidFill>
              <a:srgbClr val="FFC000"/>
            </a:solidFill>
            <a:ln>
              <a:noFill/>
            </a:ln>
            <a:effectLst/>
          </c:spPr>
          <c:invertIfNegative val="0"/>
          <c:cat>
            <c:strRef>
              <c:f>Sheet1!$A$2:$A$26</c:f>
              <c:strCache>
                <c:ptCount val="25"/>
                <c:pt idx="0">
                  <c:v>Azerbaijan</c:v>
                </c:pt>
                <c:pt idx="1">
                  <c:v>Kyrgyz Republic</c:v>
                </c:pt>
                <c:pt idx="2">
                  <c:v>Tajikistan</c:v>
                </c:pt>
                <c:pt idx="3">
                  <c:v>Kazakhstan</c:v>
                </c:pt>
                <c:pt idx="4">
                  <c:v>Georgia</c:v>
                </c:pt>
                <c:pt idx="5">
                  <c:v>Mongolia</c:v>
                </c:pt>
                <c:pt idx="6">
                  <c:v>Armenia</c:v>
                </c:pt>
                <c:pt idx="7">
                  <c:v>Viet Nam</c:v>
                </c:pt>
                <c:pt idx="8">
                  <c:v>Indonesia</c:v>
                </c:pt>
                <c:pt idx="9">
                  <c:v>Republic of Korea</c:v>
                </c:pt>
                <c:pt idx="10">
                  <c:v>Malaysia</c:v>
                </c:pt>
                <c:pt idx="11">
                  <c:v>Taipei,China</c:v>
                </c:pt>
                <c:pt idx="12">
                  <c:v>India</c:v>
                </c:pt>
                <c:pt idx="13">
                  <c:v>Singapore</c:v>
                </c:pt>
                <c:pt idx="14">
                  <c:v>Philippines</c:v>
                </c:pt>
                <c:pt idx="15">
                  <c:v>Thailand</c:v>
                </c:pt>
                <c:pt idx="16">
                  <c:v>Sri Lanka</c:v>
                </c:pt>
                <c:pt idx="17">
                  <c:v>Hong Kong, China</c:v>
                </c:pt>
                <c:pt idx="18">
                  <c:v>People's Rep. of China</c:v>
                </c:pt>
                <c:pt idx="19">
                  <c:v>Pakistan</c:v>
                </c:pt>
                <c:pt idx="20">
                  <c:v>Bangladesh</c:v>
                </c:pt>
                <c:pt idx="21">
                  <c:v>Brunei Darussalam</c:v>
                </c:pt>
                <c:pt idx="22">
                  <c:v>Nepal</c:v>
                </c:pt>
                <c:pt idx="23">
                  <c:v>Cambodia</c:v>
                </c:pt>
                <c:pt idx="24">
                  <c:v>Myanmar</c:v>
                </c:pt>
              </c:strCache>
            </c:strRef>
          </c:cat>
          <c:val>
            <c:numRef>
              <c:f>Sheet1!$D$2:$D$26</c:f>
              <c:numCache>
                <c:formatCode>0.0</c:formatCode>
                <c:ptCount val="25"/>
                <c:pt idx="0">
                  <c:v>-41.686136536470499</c:v>
                </c:pt>
                <c:pt idx="1">
                  <c:v>-22.407428315317688</c:v>
                </c:pt>
                <c:pt idx="2">
                  <c:v>-8.8807039083282149</c:v>
                </c:pt>
                <c:pt idx="3">
                  <c:v>-41.555616338905253</c:v>
                </c:pt>
                <c:pt idx="4">
                  <c:v>-22.941262303216817</c:v>
                </c:pt>
                <c:pt idx="5">
                  <c:v>-19.137287735576223</c:v>
                </c:pt>
                <c:pt idx="6">
                  <c:v>-4.0041010672486266</c:v>
                </c:pt>
                <c:pt idx="7">
                  <c:v>7.8550128187045942</c:v>
                </c:pt>
                <c:pt idx="8">
                  <c:v>-14.554889323510807</c:v>
                </c:pt>
                <c:pt idx="9">
                  <c:v>-8.0165776684711432</c:v>
                </c:pt>
                <c:pt idx="10">
                  <c:v>-14.86865879434194</c:v>
                </c:pt>
                <c:pt idx="11">
                  <c:v>-10.855781193493783</c:v>
                </c:pt>
                <c:pt idx="12">
                  <c:v>-16.958992717593276</c:v>
                </c:pt>
                <c:pt idx="13">
                  <c:v>-13.825400055906272</c:v>
                </c:pt>
                <c:pt idx="14">
                  <c:v>-5.27262232539195</c:v>
                </c:pt>
                <c:pt idx="15">
                  <c:v>-5.782236662144598</c:v>
                </c:pt>
                <c:pt idx="16">
                  <c:v>-2.4832615925062527</c:v>
                </c:pt>
                <c:pt idx="17">
                  <c:v>-1.7927464758317342</c:v>
                </c:pt>
                <c:pt idx="18">
                  <c:v>-2.5937390333474326</c:v>
                </c:pt>
                <c:pt idx="19">
                  <c:v>-10.736041176691259</c:v>
                </c:pt>
                <c:pt idx="20">
                  <c:v>6.4560037612896366</c:v>
                </c:pt>
                <c:pt idx="21">
                  <c:v>-35.116441823758876</c:v>
                </c:pt>
                <c:pt idx="22">
                  <c:v>-18.529118811675687</c:v>
                </c:pt>
                <c:pt idx="23">
                  <c:v>24.644481581050613</c:v>
                </c:pt>
                <c:pt idx="24">
                  <c:v>6.0245198442447929</c:v>
                </c:pt>
              </c:numCache>
            </c:numRef>
          </c:val>
          <c:extLst>
            <c:ext xmlns:c16="http://schemas.microsoft.com/office/drawing/2014/chart" uri="{C3380CC4-5D6E-409C-BE32-E72D297353CC}">
              <c16:uniqueId val="{00000002-0276-47BB-850C-9075972A1341}"/>
            </c:ext>
          </c:extLst>
        </c:ser>
        <c:dLbls>
          <c:showLegendKey val="0"/>
          <c:showVal val="0"/>
          <c:showCatName val="0"/>
          <c:showSerName val="0"/>
          <c:showPercent val="0"/>
          <c:showBubbleSize val="0"/>
        </c:dLbls>
        <c:gapWidth val="40"/>
        <c:axId val="651597216"/>
        <c:axId val="651598200"/>
      </c:barChart>
      <c:catAx>
        <c:axId val="651597216"/>
        <c:scaling>
          <c:orientation val="minMax"/>
        </c:scaling>
        <c:delete val="0"/>
        <c:axPos val="l"/>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651598200"/>
        <c:crosses val="autoZero"/>
        <c:auto val="1"/>
        <c:lblAlgn val="ctr"/>
        <c:lblOffset val="100"/>
        <c:tickLblSkip val="1"/>
        <c:noMultiLvlLbl val="0"/>
      </c:catAx>
      <c:valAx>
        <c:axId val="651598200"/>
        <c:scaling>
          <c:orientation val="minMax"/>
          <c:max val="60"/>
          <c:min val="-60"/>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000" dirty="0">
                    <a:latin typeface="Arial" panose="020B0604020202020204" pitchFamily="34" charset="0"/>
                    <a:cs typeface="Arial" panose="020B0604020202020204" pitchFamily="34" charset="0"/>
                  </a:rPr>
                  <a:t>% change</a:t>
                </a:r>
                <a:r>
                  <a:rPr lang="en-US" sz="1000" baseline="0" dirty="0">
                    <a:latin typeface="Arial" panose="020B0604020202020204" pitchFamily="34" charset="0"/>
                    <a:cs typeface="Arial" panose="020B0604020202020204" pitchFamily="34" charset="0"/>
                  </a:rPr>
                  <a:t> year on year</a:t>
                </a:r>
                <a:endParaRPr lang="en-US" sz="1000" dirty="0">
                  <a:latin typeface="Arial" panose="020B0604020202020204" pitchFamily="34" charset="0"/>
                  <a:cs typeface="Arial" panose="020B0604020202020204" pitchFamily="34" charset="0"/>
                </a:endParaRPr>
              </a:p>
            </c:rich>
          </c:tx>
          <c:layout>
            <c:manualLayout>
              <c:xMode val="edge"/>
              <c:yMode val="edge"/>
              <c:x val="0.49361065715842117"/>
              <c:y val="0.9597841258258036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0" sourceLinked="0"/>
        <c:majorTickMark val="out"/>
        <c:minorTickMark val="none"/>
        <c:tickLblPos val="nextTo"/>
        <c:spPr>
          <a:noFill/>
          <a:ln>
            <a:solidFill>
              <a:schemeClr val="bg1">
                <a:lumMod val="65000"/>
              </a:schemeClr>
            </a:solid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651597216"/>
        <c:crosses val="autoZero"/>
        <c:crossBetween val="between"/>
        <c:majorUnit val="30"/>
      </c:valAx>
      <c:spPr>
        <a:noFill/>
        <a:ln>
          <a:noFill/>
        </a:ln>
        <a:effectLst/>
      </c:spPr>
    </c:plotArea>
    <c:legend>
      <c:legendPos val="t"/>
      <c:layout>
        <c:manualLayout>
          <c:xMode val="edge"/>
          <c:yMode val="edge"/>
          <c:x val="0.29882484029119005"/>
          <c:y val="0"/>
          <c:w val="0.40235031941761995"/>
          <c:h val="4.8049997438399765E-2"/>
        </c:manualLayout>
      </c:layout>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n-US"/>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6131215696366531"/>
          <c:y val="7.3023100635901658E-2"/>
          <c:w val="0.57073991578555039"/>
          <c:h val="0.83795208979563884"/>
        </c:manualLayout>
      </c:layout>
      <c:barChart>
        <c:barDir val="bar"/>
        <c:grouping val="clustered"/>
        <c:varyColors val="0"/>
        <c:ser>
          <c:idx val="0"/>
          <c:order val="0"/>
          <c:tx>
            <c:strRef>
              <c:f>Sheet1!$B$1</c:f>
              <c:strCache>
                <c:ptCount val="1"/>
                <c:pt idx="0">
                  <c:v>2017</c:v>
                </c:pt>
              </c:strCache>
            </c:strRef>
          </c:tx>
          <c:spPr>
            <a:solidFill>
              <a:srgbClr val="C00000"/>
            </a:solidFill>
            <a:ln>
              <a:noFill/>
            </a:ln>
            <a:effectLst/>
          </c:spPr>
          <c:invertIfNegative val="0"/>
          <c:cat>
            <c:strRef>
              <c:f>Sheet1!$A$2:$A$26</c:f>
              <c:strCache>
                <c:ptCount val="25"/>
                <c:pt idx="0">
                  <c:v>Mongolia</c:v>
                </c:pt>
                <c:pt idx="1">
                  <c:v>Armenia</c:v>
                </c:pt>
                <c:pt idx="2">
                  <c:v>Pakistan</c:v>
                </c:pt>
                <c:pt idx="3">
                  <c:v>Viet Nam</c:v>
                </c:pt>
                <c:pt idx="4">
                  <c:v>Republic of Korea</c:v>
                </c:pt>
                <c:pt idx="5">
                  <c:v>Kazakhstan</c:v>
                </c:pt>
                <c:pt idx="6">
                  <c:v>People's Rep. of China</c:v>
                </c:pt>
                <c:pt idx="7">
                  <c:v>Bangladesh</c:v>
                </c:pt>
                <c:pt idx="8">
                  <c:v>Malaysia</c:v>
                </c:pt>
                <c:pt idx="9">
                  <c:v>Indonesia</c:v>
                </c:pt>
                <c:pt idx="10">
                  <c:v>Thailand</c:v>
                </c:pt>
                <c:pt idx="11">
                  <c:v>Cambodia</c:v>
                </c:pt>
                <c:pt idx="12">
                  <c:v>Taipei,China</c:v>
                </c:pt>
                <c:pt idx="13">
                  <c:v>Singapore</c:v>
                </c:pt>
                <c:pt idx="14">
                  <c:v>Philippines</c:v>
                </c:pt>
                <c:pt idx="15">
                  <c:v>Nepal</c:v>
                </c:pt>
                <c:pt idx="16">
                  <c:v>Sri Lanka</c:v>
                </c:pt>
                <c:pt idx="17">
                  <c:v>India</c:v>
                </c:pt>
                <c:pt idx="18">
                  <c:v>Georgia</c:v>
                </c:pt>
                <c:pt idx="19">
                  <c:v>Hong Kong, China</c:v>
                </c:pt>
                <c:pt idx="20">
                  <c:v>Kyrgyz Republic</c:v>
                </c:pt>
                <c:pt idx="21">
                  <c:v>Brunei Darussalam</c:v>
                </c:pt>
                <c:pt idx="22">
                  <c:v>Azerbaijan</c:v>
                </c:pt>
                <c:pt idx="23">
                  <c:v>Myanmar</c:v>
                </c:pt>
                <c:pt idx="24">
                  <c:v>Tajikistan</c:v>
                </c:pt>
              </c:strCache>
            </c:strRef>
          </c:cat>
          <c:val>
            <c:numRef>
              <c:f>Sheet1!$B$2:$B$26</c:f>
              <c:numCache>
                <c:formatCode>0.0</c:formatCode>
                <c:ptCount val="25"/>
                <c:pt idx="0">
                  <c:v>29.10314291802689</c:v>
                </c:pt>
                <c:pt idx="1">
                  <c:v>27.778804722344177</c:v>
                </c:pt>
                <c:pt idx="2">
                  <c:v>22.593032568870399</c:v>
                </c:pt>
                <c:pt idx="3">
                  <c:v>21.003323669671303</c:v>
                </c:pt>
                <c:pt idx="4">
                  <c:v>17.79583324462341</c:v>
                </c:pt>
                <c:pt idx="5">
                  <c:v>16.404896960452533</c:v>
                </c:pt>
                <c:pt idx="6">
                  <c:v>15.909405858280351</c:v>
                </c:pt>
                <c:pt idx="7">
                  <c:v>15.788032481395419</c:v>
                </c:pt>
                <c:pt idx="8">
                  <c:v>15.718855400898278</c:v>
                </c:pt>
                <c:pt idx="9">
                  <c:v>15.681484979593606</c:v>
                </c:pt>
                <c:pt idx="10">
                  <c:v>14.709428308824783</c:v>
                </c:pt>
                <c:pt idx="11">
                  <c:v>12.618021426024399</c:v>
                </c:pt>
                <c:pt idx="12">
                  <c:v>12.446780633609507</c:v>
                </c:pt>
                <c:pt idx="13">
                  <c:v>12.25000076008908</c:v>
                </c:pt>
                <c:pt idx="14">
                  <c:v>10.38312123438287</c:v>
                </c:pt>
                <c:pt idx="15">
                  <c:v>10.244703862381414</c:v>
                </c:pt>
                <c:pt idx="16">
                  <c:v>10.191130581420367</c:v>
                </c:pt>
                <c:pt idx="17">
                  <c:v>9.5848747116036463</c:v>
                </c:pt>
                <c:pt idx="18">
                  <c:v>9.4285000861832486</c:v>
                </c:pt>
                <c:pt idx="19">
                  <c:v>8.2304804461554824</c:v>
                </c:pt>
                <c:pt idx="20">
                  <c:v>7.7969957287308205</c:v>
                </c:pt>
                <c:pt idx="21">
                  <c:v>4.809021659573304</c:v>
                </c:pt>
                <c:pt idx="22">
                  <c:v>2.9254083259106665</c:v>
                </c:pt>
                <c:pt idx="23">
                  <c:v>1.3316064324128121</c:v>
                </c:pt>
                <c:pt idx="24">
                  <c:v>-8.4430367217658215</c:v>
                </c:pt>
              </c:numCache>
            </c:numRef>
          </c:val>
          <c:extLst>
            <c:ext xmlns:c16="http://schemas.microsoft.com/office/drawing/2014/chart" uri="{C3380CC4-5D6E-409C-BE32-E72D297353CC}">
              <c16:uniqueId val="{00000000-FE56-427B-A0CD-CFAA2CD89DD4}"/>
            </c:ext>
          </c:extLst>
        </c:ser>
        <c:ser>
          <c:idx val="1"/>
          <c:order val="1"/>
          <c:tx>
            <c:strRef>
              <c:f>Sheet1!$C$1</c:f>
              <c:strCache>
                <c:ptCount val="1"/>
                <c:pt idx="0">
                  <c:v>2016</c:v>
                </c:pt>
              </c:strCache>
            </c:strRef>
          </c:tx>
          <c:spPr>
            <a:solidFill>
              <a:srgbClr val="00B050"/>
            </a:solidFill>
            <a:ln>
              <a:noFill/>
            </a:ln>
            <a:effectLst/>
          </c:spPr>
          <c:invertIfNegative val="0"/>
          <c:cat>
            <c:strRef>
              <c:f>Sheet1!$A$2:$A$26</c:f>
              <c:strCache>
                <c:ptCount val="25"/>
                <c:pt idx="0">
                  <c:v>Mongolia</c:v>
                </c:pt>
                <c:pt idx="1">
                  <c:v>Armenia</c:v>
                </c:pt>
                <c:pt idx="2">
                  <c:v>Pakistan</c:v>
                </c:pt>
                <c:pt idx="3">
                  <c:v>Viet Nam</c:v>
                </c:pt>
                <c:pt idx="4">
                  <c:v>Republic of Korea</c:v>
                </c:pt>
                <c:pt idx="5">
                  <c:v>Kazakhstan</c:v>
                </c:pt>
                <c:pt idx="6">
                  <c:v>People's Rep. of China</c:v>
                </c:pt>
                <c:pt idx="7">
                  <c:v>Bangladesh</c:v>
                </c:pt>
                <c:pt idx="8">
                  <c:v>Malaysia</c:v>
                </c:pt>
                <c:pt idx="9">
                  <c:v>Indonesia</c:v>
                </c:pt>
                <c:pt idx="10">
                  <c:v>Thailand</c:v>
                </c:pt>
                <c:pt idx="11">
                  <c:v>Cambodia</c:v>
                </c:pt>
                <c:pt idx="12">
                  <c:v>Taipei,China</c:v>
                </c:pt>
                <c:pt idx="13">
                  <c:v>Singapore</c:v>
                </c:pt>
                <c:pt idx="14">
                  <c:v>Philippines</c:v>
                </c:pt>
                <c:pt idx="15">
                  <c:v>Nepal</c:v>
                </c:pt>
                <c:pt idx="16">
                  <c:v>Sri Lanka</c:v>
                </c:pt>
                <c:pt idx="17">
                  <c:v>India</c:v>
                </c:pt>
                <c:pt idx="18">
                  <c:v>Georgia</c:v>
                </c:pt>
                <c:pt idx="19">
                  <c:v>Hong Kong, China</c:v>
                </c:pt>
                <c:pt idx="20">
                  <c:v>Kyrgyz Republic</c:v>
                </c:pt>
                <c:pt idx="21">
                  <c:v>Brunei Darussalam</c:v>
                </c:pt>
                <c:pt idx="22">
                  <c:v>Azerbaijan</c:v>
                </c:pt>
                <c:pt idx="23">
                  <c:v>Myanmar</c:v>
                </c:pt>
                <c:pt idx="24">
                  <c:v>Tajikistan</c:v>
                </c:pt>
              </c:strCache>
            </c:strRef>
          </c:cat>
          <c:val>
            <c:numRef>
              <c:f>Sheet1!$C$2:$C$26</c:f>
              <c:numCache>
                <c:formatCode>0.0</c:formatCode>
                <c:ptCount val="25"/>
                <c:pt idx="0">
                  <c:v>-11.570146497493411</c:v>
                </c:pt>
                <c:pt idx="1">
                  <c:v>1.0567501122566938</c:v>
                </c:pt>
                <c:pt idx="2">
                  <c:v>6.8490490515467997</c:v>
                </c:pt>
                <c:pt idx="3">
                  <c:v>5.5767071369370598</c:v>
                </c:pt>
                <c:pt idx="4">
                  <c:v>-6.9429913482453856</c:v>
                </c:pt>
                <c:pt idx="5">
                  <c:v>-16.60107334525938</c:v>
                </c:pt>
                <c:pt idx="6">
                  <c:v>-5.4335260632643951</c:v>
                </c:pt>
                <c:pt idx="7">
                  <c:v>4.5234645701201401</c:v>
                </c:pt>
                <c:pt idx="8">
                  <c:v>-4.1799420834107366</c:v>
                </c:pt>
                <c:pt idx="9">
                  <c:v>-4.9349993928264979</c:v>
                </c:pt>
                <c:pt idx="10">
                  <c:v>-4.1721320851042947</c:v>
                </c:pt>
                <c:pt idx="11">
                  <c:v>15.024663045377864</c:v>
                </c:pt>
                <c:pt idx="12">
                  <c:v>-2.8037553176939838</c:v>
                </c:pt>
                <c:pt idx="13">
                  <c:v>-5.2320615151919156</c:v>
                </c:pt>
                <c:pt idx="14">
                  <c:v>18.349970540315923</c:v>
                </c:pt>
                <c:pt idx="15">
                  <c:v>39.824810411582433</c:v>
                </c:pt>
                <c:pt idx="16">
                  <c:v>-2.2449109545270289</c:v>
                </c:pt>
                <c:pt idx="17">
                  <c:v>0.80606223482955386</c:v>
                </c:pt>
                <c:pt idx="18">
                  <c:v>-7.7914613366885987E-2</c:v>
                </c:pt>
                <c:pt idx="19">
                  <c:v>-1.0670042930243113</c:v>
                </c:pt>
                <c:pt idx="20">
                  <c:v>-2.6172931767468981</c:v>
                </c:pt>
                <c:pt idx="21">
                  <c:v>-17.054908485856899</c:v>
                </c:pt>
                <c:pt idx="22">
                  <c:v>-7.424566276433012</c:v>
                </c:pt>
                <c:pt idx="23">
                  <c:v>-7.0708073025958811</c:v>
                </c:pt>
                <c:pt idx="24">
                  <c:v>-11.761623336923932</c:v>
                </c:pt>
              </c:numCache>
            </c:numRef>
          </c:val>
          <c:extLst>
            <c:ext xmlns:c16="http://schemas.microsoft.com/office/drawing/2014/chart" uri="{C3380CC4-5D6E-409C-BE32-E72D297353CC}">
              <c16:uniqueId val="{00000001-FE56-427B-A0CD-CFAA2CD89DD4}"/>
            </c:ext>
          </c:extLst>
        </c:ser>
        <c:ser>
          <c:idx val="2"/>
          <c:order val="2"/>
          <c:tx>
            <c:strRef>
              <c:f>Sheet1!$D$1</c:f>
              <c:strCache>
                <c:ptCount val="1"/>
                <c:pt idx="0">
                  <c:v>2015</c:v>
                </c:pt>
              </c:strCache>
            </c:strRef>
          </c:tx>
          <c:spPr>
            <a:solidFill>
              <a:srgbClr val="FFC000"/>
            </a:solidFill>
            <a:ln>
              <a:noFill/>
            </a:ln>
            <a:effectLst/>
          </c:spPr>
          <c:invertIfNegative val="0"/>
          <c:cat>
            <c:strRef>
              <c:f>Sheet1!$A$2:$A$26</c:f>
              <c:strCache>
                <c:ptCount val="25"/>
                <c:pt idx="0">
                  <c:v>Mongolia</c:v>
                </c:pt>
                <c:pt idx="1">
                  <c:v>Armenia</c:v>
                </c:pt>
                <c:pt idx="2">
                  <c:v>Pakistan</c:v>
                </c:pt>
                <c:pt idx="3">
                  <c:v>Viet Nam</c:v>
                </c:pt>
                <c:pt idx="4">
                  <c:v>Republic of Korea</c:v>
                </c:pt>
                <c:pt idx="5">
                  <c:v>Kazakhstan</c:v>
                </c:pt>
                <c:pt idx="6">
                  <c:v>People's Rep. of China</c:v>
                </c:pt>
                <c:pt idx="7">
                  <c:v>Bangladesh</c:v>
                </c:pt>
                <c:pt idx="8">
                  <c:v>Malaysia</c:v>
                </c:pt>
                <c:pt idx="9">
                  <c:v>Indonesia</c:v>
                </c:pt>
                <c:pt idx="10">
                  <c:v>Thailand</c:v>
                </c:pt>
                <c:pt idx="11">
                  <c:v>Cambodia</c:v>
                </c:pt>
                <c:pt idx="12">
                  <c:v>Taipei,China</c:v>
                </c:pt>
                <c:pt idx="13">
                  <c:v>Singapore</c:v>
                </c:pt>
                <c:pt idx="14">
                  <c:v>Philippines</c:v>
                </c:pt>
                <c:pt idx="15">
                  <c:v>Nepal</c:v>
                </c:pt>
                <c:pt idx="16">
                  <c:v>Sri Lanka</c:v>
                </c:pt>
                <c:pt idx="17">
                  <c:v>India</c:v>
                </c:pt>
                <c:pt idx="18">
                  <c:v>Georgia</c:v>
                </c:pt>
                <c:pt idx="19">
                  <c:v>Hong Kong, China</c:v>
                </c:pt>
                <c:pt idx="20">
                  <c:v>Kyrgyz Republic</c:v>
                </c:pt>
                <c:pt idx="21">
                  <c:v>Brunei Darussalam</c:v>
                </c:pt>
                <c:pt idx="22">
                  <c:v>Azerbaijan</c:v>
                </c:pt>
                <c:pt idx="23">
                  <c:v>Myanmar</c:v>
                </c:pt>
                <c:pt idx="24">
                  <c:v>Tajikistan</c:v>
                </c:pt>
              </c:strCache>
            </c:strRef>
          </c:cat>
          <c:val>
            <c:numRef>
              <c:f>Sheet1!$D$2:$D$26</c:f>
              <c:numCache>
                <c:formatCode>0.0</c:formatCode>
                <c:ptCount val="25"/>
                <c:pt idx="0">
                  <c:v>-27.482143079817206</c:v>
                </c:pt>
                <c:pt idx="1">
                  <c:v>-26.787343701626227</c:v>
                </c:pt>
                <c:pt idx="2">
                  <c:v>-7.7899763444716115</c:v>
                </c:pt>
                <c:pt idx="3">
                  <c:v>11.986101194898851</c:v>
                </c:pt>
                <c:pt idx="4">
                  <c:v>-16.938739428557781</c:v>
                </c:pt>
                <c:pt idx="5">
                  <c:v>-26.755765199161459</c:v>
                </c:pt>
                <c:pt idx="6">
                  <c:v>-14.381249124002977</c:v>
                </c:pt>
                <c:pt idx="7">
                  <c:v>-5.1480410151933</c:v>
                </c:pt>
                <c:pt idx="8">
                  <c:v>-15.730349731523901</c:v>
                </c:pt>
                <c:pt idx="9">
                  <c:v>-19.914832221982692</c:v>
                </c:pt>
                <c:pt idx="10">
                  <c:v>-11.019000775416416</c:v>
                </c:pt>
                <c:pt idx="11">
                  <c:v>9.2924014847572494</c:v>
                </c:pt>
                <c:pt idx="12">
                  <c:v>-15.834884952231349</c:v>
                </c:pt>
                <c:pt idx="13">
                  <c:v>-18.464130848762125</c:v>
                </c:pt>
                <c:pt idx="14">
                  <c:v>8.6688352263169577</c:v>
                </c:pt>
                <c:pt idx="15">
                  <c:v>-11.144337714711796</c:v>
                </c:pt>
                <c:pt idx="16">
                  <c:v>-5.2431920115484871</c:v>
                </c:pt>
                <c:pt idx="17">
                  <c:v>-14.960218965231817</c:v>
                </c:pt>
                <c:pt idx="18">
                  <c:v>-15.130775386861998</c:v>
                </c:pt>
                <c:pt idx="19">
                  <c:v>-4.1017347880445811</c:v>
                </c:pt>
                <c:pt idx="20">
                  <c:v>-29.01039098806784</c:v>
                </c:pt>
                <c:pt idx="21">
                  <c:v>-2.387954874676268</c:v>
                </c:pt>
                <c:pt idx="22">
                  <c:v>0.31563938744190523</c:v>
                </c:pt>
                <c:pt idx="23">
                  <c:v>4.0907215693088688</c:v>
                </c:pt>
                <c:pt idx="24">
                  <c:v>-20.832949202544484</c:v>
                </c:pt>
              </c:numCache>
            </c:numRef>
          </c:val>
          <c:extLst>
            <c:ext xmlns:c16="http://schemas.microsoft.com/office/drawing/2014/chart" uri="{C3380CC4-5D6E-409C-BE32-E72D297353CC}">
              <c16:uniqueId val="{00000002-FE56-427B-A0CD-CFAA2CD89DD4}"/>
            </c:ext>
          </c:extLst>
        </c:ser>
        <c:dLbls>
          <c:showLegendKey val="0"/>
          <c:showVal val="0"/>
          <c:showCatName val="0"/>
          <c:showSerName val="0"/>
          <c:showPercent val="0"/>
          <c:showBubbleSize val="0"/>
        </c:dLbls>
        <c:gapWidth val="40"/>
        <c:axId val="627864504"/>
        <c:axId val="627864832"/>
      </c:barChart>
      <c:catAx>
        <c:axId val="627864504"/>
        <c:scaling>
          <c:orientation val="minMax"/>
        </c:scaling>
        <c:delete val="0"/>
        <c:axPos val="l"/>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627864832"/>
        <c:crosses val="autoZero"/>
        <c:auto val="1"/>
        <c:lblAlgn val="ctr"/>
        <c:lblOffset val="100"/>
        <c:tickLblSkip val="1"/>
        <c:noMultiLvlLbl val="0"/>
      </c:catAx>
      <c:valAx>
        <c:axId val="627864832"/>
        <c:scaling>
          <c:orientation val="minMax"/>
          <c:max val="60"/>
          <c:min val="-60"/>
        </c:scaling>
        <c:delete val="0"/>
        <c:axPos val="b"/>
        <c:title>
          <c:tx>
            <c:rich>
              <a:bodyPr rot="0" spcFirstLastPara="1" vertOverflow="ellipsis" vert="horz" wrap="square" anchor="ctr" anchorCtr="1"/>
              <a:lstStyle/>
              <a:p>
                <a:pPr>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000" dirty="0">
                    <a:latin typeface="Arial" panose="020B0604020202020204" pitchFamily="34" charset="0"/>
                    <a:cs typeface="Arial" panose="020B0604020202020204" pitchFamily="34" charset="0"/>
                  </a:rPr>
                  <a:t>% change year on year</a:t>
                </a:r>
              </a:p>
            </c:rich>
          </c:tx>
          <c:layout>
            <c:manualLayout>
              <c:xMode val="edge"/>
              <c:yMode val="edge"/>
              <c:x val="0.45252653451213337"/>
              <c:y val="0.95190002611393676"/>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0" sourceLinked="0"/>
        <c:majorTickMark val="out"/>
        <c:minorTickMark val="none"/>
        <c:tickLblPos val="nextTo"/>
        <c:spPr>
          <a:noFill/>
          <a:ln>
            <a:solidFill>
              <a:schemeClr val="bg1">
                <a:lumMod val="65000"/>
              </a:schemeClr>
            </a:solidFill>
          </a:ln>
          <a:effectLst/>
        </c:spPr>
        <c:txPr>
          <a:bodyPr rot="-60000000" spcFirstLastPara="1" vertOverflow="ellipsis" vert="horz" wrap="square" anchor="ctr" anchorCtr="1"/>
          <a:lstStyle/>
          <a:p>
            <a:pPr>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627864504"/>
        <c:crosses val="autoZero"/>
        <c:crossBetween val="between"/>
        <c:majorUnit val="30"/>
      </c:valAx>
      <c:spPr>
        <a:noFill/>
        <a:ln>
          <a:noFill/>
        </a:ln>
        <a:effectLst/>
      </c:spPr>
    </c:plotArea>
    <c:legend>
      <c:legendPos val="t"/>
      <c:layout>
        <c:manualLayout>
          <c:xMode val="edge"/>
          <c:yMode val="edge"/>
          <c:x val="0.33032815871621773"/>
          <c:y val="2.6196445286764442E-3"/>
          <c:w val="0.44090142515080349"/>
          <c:h val="4.7591102779587238E-2"/>
        </c:manualLayout>
      </c:layout>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legend>
    <c:plotVisOnly val="1"/>
    <c:dispBlanksAs val="gap"/>
    <c:extLst>
      <c:ext xmlns:c16r3="http://schemas.microsoft.com/office/drawing/2017/03/chart" uri="{56B9EC1D-385E-4148-901F-78D8002777C0}">
        <c16r3:dataDisplayOptions16>
          <c16r3:dispNaAsBlank val="1"/>
        </c16r3:dataDisplayOptions16>
      </c:ext>
    </c:extLst>
    <c:showDLblsOverMax val="0"/>
  </c:chart>
  <c:spPr>
    <a:noFill/>
    <a:ln>
      <a:noFill/>
    </a:ln>
    <a:effectLst/>
  </c:spPr>
  <c:txPr>
    <a:bodyPr/>
    <a:lstStyle/>
    <a:p>
      <a:pPr>
        <a:defRPr/>
      </a:pPr>
      <a:endParaRPr lang="en-US"/>
    </a:p>
  </c:txPr>
  <c:externalData r:id="rId3">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7079405567261811E-2"/>
          <c:y val="0.27331762918528568"/>
          <c:w val="0.89709899818860672"/>
          <c:h val="0.55612596598141362"/>
        </c:manualLayout>
      </c:layout>
      <c:lineChart>
        <c:grouping val="standard"/>
        <c:varyColors val="0"/>
        <c:ser>
          <c:idx val="0"/>
          <c:order val="0"/>
          <c:tx>
            <c:strRef>
              <c:f>'fig3_exports M'!$B$2</c:f>
              <c:strCache>
                <c:ptCount val="1"/>
                <c:pt idx="0">
                  <c:v>PRC</c:v>
                </c:pt>
              </c:strCache>
            </c:strRef>
          </c:tx>
          <c:marker>
            <c:symbol val="none"/>
          </c:marker>
          <c:cat>
            <c:strRef>
              <c:f>'fig3_exports M'!$AM$345:$AM$405</c:f>
              <c:strCache>
                <c:ptCount val="61"/>
                <c:pt idx="0">
                  <c:v>Jan 2013</c:v>
                </c:pt>
                <c:pt idx="12">
                  <c:v>Jan 2014</c:v>
                </c:pt>
                <c:pt idx="24">
                  <c:v>Jan 2015</c:v>
                </c:pt>
                <c:pt idx="36">
                  <c:v>Jan 2016</c:v>
                </c:pt>
                <c:pt idx="48">
                  <c:v>Jan 2017</c:v>
                </c:pt>
                <c:pt idx="60">
                  <c:v>Jan 2018</c:v>
                </c:pt>
              </c:strCache>
            </c:strRef>
          </c:cat>
          <c:val>
            <c:numRef>
              <c:f>'fig3_exports M'!$B$345:$B$405</c:f>
              <c:numCache>
                <c:formatCode>0.0</c:formatCode>
                <c:ptCount val="61"/>
                <c:pt idx="0">
                  <c:v>13.936251846575681</c:v>
                </c:pt>
                <c:pt idx="1">
                  <c:v>20.24662892301825</c:v>
                </c:pt>
                <c:pt idx="2">
                  <c:v>18.896635301380581</c:v>
                </c:pt>
                <c:pt idx="3">
                  <c:v>15.437831599062037</c:v>
                </c:pt>
                <c:pt idx="4">
                  <c:v>8.4871703176474629</c:v>
                </c:pt>
                <c:pt idx="5">
                  <c:v>4.0714026272083759</c:v>
                </c:pt>
                <c:pt idx="6">
                  <c:v>0.91498924762485478</c:v>
                </c:pt>
                <c:pt idx="7">
                  <c:v>2.9823569302692712</c:v>
                </c:pt>
                <c:pt idx="8">
                  <c:v>3.9455387827911466</c:v>
                </c:pt>
                <c:pt idx="9">
                  <c:v>4.1075274714031922</c:v>
                </c:pt>
                <c:pt idx="10">
                  <c:v>5.9823279070054882</c:v>
                </c:pt>
                <c:pt idx="11">
                  <c:v>7.53267979672205</c:v>
                </c:pt>
                <c:pt idx="12">
                  <c:v>9.1821147549441662</c:v>
                </c:pt>
                <c:pt idx="13">
                  <c:v>-1.1039801368065838</c:v>
                </c:pt>
                <c:pt idx="14">
                  <c:v>-4.7387708183612318</c:v>
                </c:pt>
                <c:pt idx="15">
                  <c:v>-7.9917827209392698</c:v>
                </c:pt>
                <c:pt idx="16">
                  <c:v>0.3705463256784185</c:v>
                </c:pt>
                <c:pt idx="17">
                  <c:v>4.9661463449522687</c:v>
                </c:pt>
                <c:pt idx="18">
                  <c:v>9.5235515639389039</c:v>
                </c:pt>
                <c:pt idx="19">
                  <c:v>10.328957734406922</c:v>
                </c:pt>
                <c:pt idx="20">
                  <c:v>12.979078867675915</c:v>
                </c:pt>
                <c:pt idx="21">
                  <c:v>12.016523767499805</c:v>
                </c:pt>
                <c:pt idx="22">
                  <c:v>10.452366234232306</c:v>
                </c:pt>
                <c:pt idx="23">
                  <c:v>8.5893767809202988</c:v>
                </c:pt>
                <c:pt idx="24">
                  <c:v>3.6247313299855222</c:v>
                </c:pt>
                <c:pt idx="25">
                  <c:v>18.162945313711671</c:v>
                </c:pt>
                <c:pt idx="26">
                  <c:v>9.9861758286790892</c:v>
                </c:pt>
                <c:pt idx="27">
                  <c:v>8.9337688684213958</c:v>
                </c:pt>
                <c:pt idx="28">
                  <c:v>-8.0866536328815304</c:v>
                </c:pt>
                <c:pt idx="29">
                  <c:v>-2.1564724658871532</c:v>
                </c:pt>
                <c:pt idx="30">
                  <c:v>-2.7840065561506244</c:v>
                </c:pt>
                <c:pt idx="31">
                  <c:v>-3.714983860409319</c:v>
                </c:pt>
                <c:pt idx="32">
                  <c:v>-5.9092675942114896</c:v>
                </c:pt>
                <c:pt idx="33">
                  <c:v>-5.4548573643321658</c:v>
                </c:pt>
                <c:pt idx="34">
                  <c:v>-5.9937432209546087</c:v>
                </c:pt>
                <c:pt idx="35">
                  <c:v>-5.2860889539667353</c:v>
                </c:pt>
                <c:pt idx="36">
                  <c:v>-6.7947590397683371</c:v>
                </c:pt>
                <c:pt idx="37">
                  <c:v>-12.8821684081417</c:v>
                </c:pt>
                <c:pt idx="38">
                  <c:v>-8.5755924579197771</c:v>
                </c:pt>
                <c:pt idx="39">
                  <c:v>-5.4105958166445971</c:v>
                </c:pt>
                <c:pt idx="40">
                  <c:v>1.4919842522537341</c:v>
                </c:pt>
                <c:pt idx="41">
                  <c:v>-4.3009830371990647</c:v>
                </c:pt>
                <c:pt idx="42">
                  <c:v>-5.7534510411838466</c:v>
                </c:pt>
                <c:pt idx="43">
                  <c:v>-5.2379254725216198</c:v>
                </c:pt>
                <c:pt idx="44">
                  <c:v>-6.6051292301263231</c:v>
                </c:pt>
                <c:pt idx="45">
                  <c:v>-6.9943895372066676</c:v>
                </c:pt>
                <c:pt idx="46">
                  <c:v>-6.4266421592629683</c:v>
                </c:pt>
                <c:pt idx="47">
                  <c:v>-5.1548240250629886</c:v>
                </c:pt>
                <c:pt idx="48">
                  <c:v>-1.5904135919350704</c:v>
                </c:pt>
                <c:pt idx="49">
                  <c:v>-2.6983941757180219</c:v>
                </c:pt>
                <c:pt idx="50">
                  <c:v>3.5458968308899017</c:v>
                </c:pt>
                <c:pt idx="51">
                  <c:v>3.8937660536964529</c:v>
                </c:pt>
                <c:pt idx="52">
                  <c:v>7.3293143026080072</c:v>
                </c:pt>
                <c:pt idx="53">
                  <c:v>6.2630181731155972</c:v>
                </c:pt>
                <c:pt idx="54">
                  <c:v>6.8679962261336982</c:v>
                </c:pt>
                <c:pt idx="55">
                  <c:v>6.5656478358463062</c:v>
                </c:pt>
                <c:pt idx="56">
                  <c:v>6.0116140075452291</c:v>
                </c:pt>
                <c:pt idx="57">
                  <c:v>6.0941068989915506</c:v>
                </c:pt>
                <c:pt idx="58">
                  <c:v>8.668824668146101</c:v>
                </c:pt>
                <c:pt idx="59">
                  <c:v>9.7696642504721609</c:v>
                </c:pt>
              </c:numCache>
            </c:numRef>
          </c:val>
          <c:smooth val="0"/>
          <c:extLst>
            <c:ext xmlns:c16="http://schemas.microsoft.com/office/drawing/2014/chart" uri="{C3380CC4-5D6E-409C-BE32-E72D297353CC}">
              <c16:uniqueId val="{00000000-1028-4214-87F2-18C4620015BE}"/>
            </c:ext>
          </c:extLst>
        </c:ser>
        <c:ser>
          <c:idx val="1"/>
          <c:order val="1"/>
          <c:tx>
            <c:strRef>
              <c:f>'fig3_exports M'!$C$2</c:f>
              <c:strCache>
                <c:ptCount val="1"/>
                <c:pt idx="0">
                  <c:v>IND</c:v>
                </c:pt>
              </c:strCache>
            </c:strRef>
          </c:tx>
          <c:marker>
            <c:symbol val="none"/>
          </c:marker>
          <c:cat>
            <c:strRef>
              <c:f>'fig3_exports M'!$AM$345:$AM$405</c:f>
              <c:strCache>
                <c:ptCount val="61"/>
                <c:pt idx="0">
                  <c:v>Jan 2013</c:v>
                </c:pt>
                <c:pt idx="12">
                  <c:v>Jan 2014</c:v>
                </c:pt>
                <c:pt idx="24">
                  <c:v>Jan 2015</c:v>
                </c:pt>
                <c:pt idx="36">
                  <c:v>Jan 2016</c:v>
                </c:pt>
                <c:pt idx="48">
                  <c:v>Jan 2017</c:v>
                </c:pt>
                <c:pt idx="60">
                  <c:v>Jan 2018</c:v>
                </c:pt>
              </c:strCache>
            </c:strRef>
          </c:cat>
          <c:val>
            <c:numRef>
              <c:f>'fig3_exports M'!$C$345:$C$405</c:f>
              <c:numCache>
                <c:formatCode>0.0</c:formatCode>
                <c:ptCount val="61"/>
                <c:pt idx="0">
                  <c:v>0.61411058644754257</c:v>
                </c:pt>
                <c:pt idx="1">
                  <c:v>2.5916240108477004</c:v>
                </c:pt>
                <c:pt idx="2">
                  <c:v>4.4381928045389047</c:v>
                </c:pt>
                <c:pt idx="3">
                  <c:v>4.9444126424520602</c:v>
                </c:pt>
                <c:pt idx="4">
                  <c:v>3.1300955946714262</c:v>
                </c:pt>
                <c:pt idx="5">
                  <c:v>-7.538900330017384E-2</c:v>
                </c:pt>
                <c:pt idx="6">
                  <c:v>2.8450210609250064</c:v>
                </c:pt>
                <c:pt idx="7">
                  <c:v>7.3244788732423558</c:v>
                </c:pt>
                <c:pt idx="8">
                  <c:v>12.891533320475423</c:v>
                </c:pt>
                <c:pt idx="9">
                  <c:v>13.725868062731587</c:v>
                </c:pt>
                <c:pt idx="10">
                  <c:v>10.473331644353527</c:v>
                </c:pt>
                <c:pt idx="11">
                  <c:v>7.3694384302401472</c:v>
                </c:pt>
                <c:pt idx="12">
                  <c:v>4.0319223909157147</c:v>
                </c:pt>
                <c:pt idx="13">
                  <c:v>1.024405623617568</c:v>
                </c:pt>
                <c:pt idx="14">
                  <c:v>-0.41923304614111601</c:v>
                </c:pt>
                <c:pt idx="15">
                  <c:v>-9.1964090304112275E-2</c:v>
                </c:pt>
                <c:pt idx="16">
                  <c:v>5.6934811251638706</c:v>
                </c:pt>
                <c:pt idx="17">
                  <c:v>8.5904332220992021</c:v>
                </c:pt>
                <c:pt idx="18">
                  <c:v>6.7944089392488634</c:v>
                </c:pt>
                <c:pt idx="19">
                  <c:v>3.270002460789764</c:v>
                </c:pt>
                <c:pt idx="20">
                  <c:v>1.4847356947548604</c:v>
                </c:pt>
                <c:pt idx="21">
                  <c:v>-0.38909276390603509</c:v>
                </c:pt>
                <c:pt idx="22">
                  <c:v>2.163624232398476</c:v>
                </c:pt>
                <c:pt idx="23">
                  <c:v>0.9924501313068248</c:v>
                </c:pt>
                <c:pt idx="24">
                  <c:v>-0.17833299544872241</c:v>
                </c:pt>
                <c:pt idx="25">
                  <c:v>-7.7459228972818295</c:v>
                </c:pt>
                <c:pt idx="26">
                  <c:v>-14.39658517316577</c:v>
                </c:pt>
                <c:pt idx="27">
                  <c:v>-16.089745405383656</c:v>
                </c:pt>
                <c:pt idx="28">
                  <c:v>-18.223042701716171</c:v>
                </c:pt>
                <c:pt idx="29">
                  <c:v>-15.926374346703687</c:v>
                </c:pt>
                <c:pt idx="30">
                  <c:v>-14.436144091579214</c:v>
                </c:pt>
                <c:pt idx="31">
                  <c:v>-14.419256543414912</c:v>
                </c:pt>
                <c:pt idx="32">
                  <c:v>-17.887206257293183</c:v>
                </c:pt>
                <c:pt idx="33">
                  <c:v>-20.349634883598522</c:v>
                </c:pt>
                <c:pt idx="34">
                  <c:v>-22.566340660678289</c:v>
                </c:pt>
                <c:pt idx="35">
                  <c:v>-19.024939436020166</c:v>
                </c:pt>
                <c:pt idx="36">
                  <c:v>-17.680871216572289</c:v>
                </c:pt>
                <c:pt idx="37">
                  <c:v>-10.710086383930696</c:v>
                </c:pt>
                <c:pt idx="38">
                  <c:v>-7.7080788536833467</c:v>
                </c:pt>
                <c:pt idx="39">
                  <c:v>-5.2351179613624526</c:v>
                </c:pt>
                <c:pt idx="40">
                  <c:v>-3.6552545838100392</c:v>
                </c:pt>
                <c:pt idx="41">
                  <c:v>-1.6030052631160079</c:v>
                </c:pt>
                <c:pt idx="42">
                  <c:v>-1.9600447801361298</c:v>
                </c:pt>
                <c:pt idx="43">
                  <c:v>-1.7572053317597494</c:v>
                </c:pt>
                <c:pt idx="44">
                  <c:v>-0.88247822212895244</c:v>
                </c:pt>
                <c:pt idx="45">
                  <c:v>4.3512692595286824</c:v>
                </c:pt>
                <c:pt idx="46">
                  <c:v>5.1901540784419211</c:v>
                </c:pt>
                <c:pt idx="47">
                  <c:v>5.9785342830988526</c:v>
                </c:pt>
                <c:pt idx="48">
                  <c:v>4.839504523384595</c:v>
                </c:pt>
                <c:pt idx="49">
                  <c:v>11.490339418335878</c:v>
                </c:pt>
                <c:pt idx="50">
                  <c:v>18.399522361719264</c:v>
                </c:pt>
                <c:pt idx="51">
                  <c:v>22.507406170389419</c:v>
                </c:pt>
                <c:pt idx="52">
                  <c:v>17.279819811915278</c:v>
                </c:pt>
                <c:pt idx="53">
                  <c:v>8.7425271149533703</c:v>
                </c:pt>
                <c:pt idx="54">
                  <c:v>3.7574351959312415</c:v>
                </c:pt>
                <c:pt idx="55">
                  <c:v>4.1078198043982042</c:v>
                </c:pt>
                <c:pt idx="56">
                  <c:v>12.190320485401386</c:v>
                </c:pt>
                <c:pt idx="57">
                  <c:v>10.51415334873216</c:v>
                </c:pt>
                <c:pt idx="58">
                  <c:v>17.912222778604328</c:v>
                </c:pt>
                <c:pt idx="59">
                  <c:v>13.472807974266269</c:v>
                </c:pt>
              </c:numCache>
            </c:numRef>
          </c:val>
          <c:smooth val="0"/>
          <c:extLst>
            <c:ext xmlns:c16="http://schemas.microsoft.com/office/drawing/2014/chart" uri="{C3380CC4-5D6E-409C-BE32-E72D297353CC}">
              <c16:uniqueId val="{00000001-1028-4214-87F2-18C4620015BE}"/>
            </c:ext>
          </c:extLst>
        </c:ser>
        <c:ser>
          <c:idx val="2"/>
          <c:order val="2"/>
          <c:tx>
            <c:strRef>
              <c:f>'fig3_exports M'!$S$248</c:f>
              <c:strCache>
                <c:ptCount val="1"/>
                <c:pt idx="0">
                  <c:v>NIEs</c:v>
                </c:pt>
              </c:strCache>
            </c:strRef>
          </c:tx>
          <c:marker>
            <c:symbol val="none"/>
          </c:marker>
          <c:cat>
            <c:strRef>
              <c:f>'fig3_exports M'!$AM$345:$AM$405</c:f>
              <c:strCache>
                <c:ptCount val="61"/>
                <c:pt idx="0">
                  <c:v>Jan 2013</c:v>
                </c:pt>
                <c:pt idx="12">
                  <c:v>Jan 2014</c:v>
                </c:pt>
                <c:pt idx="24">
                  <c:v>Jan 2015</c:v>
                </c:pt>
                <c:pt idx="36">
                  <c:v>Jan 2016</c:v>
                </c:pt>
                <c:pt idx="48">
                  <c:v>Jan 2017</c:v>
                </c:pt>
                <c:pt idx="60">
                  <c:v>Jan 2018</c:v>
                </c:pt>
              </c:strCache>
            </c:strRef>
          </c:cat>
          <c:val>
            <c:numRef>
              <c:f>'fig3_exports M'!$S$345:$S$405</c:f>
              <c:numCache>
                <c:formatCode>0.0</c:formatCode>
                <c:ptCount val="61"/>
                <c:pt idx="0">
                  <c:v>6.3957596766004059</c:v>
                </c:pt>
                <c:pt idx="1">
                  <c:v>2.8957937096890873E-2</c:v>
                </c:pt>
                <c:pt idx="2">
                  <c:v>7.7061172033661293E-2</c:v>
                </c:pt>
                <c:pt idx="3">
                  <c:v>-3.2972028837337839</c:v>
                </c:pt>
                <c:pt idx="4">
                  <c:v>2.0635593494071003</c:v>
                </c:pt>
                <c:pt idx="5">
                  <c:v>2.1135593731789157</c:v>
                </c:pt>
                <c:pt idx="6">
                  <c:v>3.1309926538213753</c:v>
                </c:pt>
                <c:pt idx="7">
                  <c:v>3.5183505199893688</c:v>
                </c:pt>
                <c:pt idx="8">
                  <c:v>2.8927186531436981</c:v>
                </c:pt>
                <c:pt idx="9">
                  <c:v>3.032857875137291</c:v>
                </c:pt>
                <c:pt idx="10">
                  <c:v>2.6677852931687531</c:v>
                </c:pt>
                <c:pt idx="11">
                  <c:v>3.8255905411221107</c:v>
                </c:pt>
                <c:pt idx="12">
                  <c:v>1.6621355564564055</c:v>
                </c:pt>
                <c:pt idx="13">
                  <c:v>2.0534174111627785</c:v>
                </c:pt>
                <c:pt idx="14">
                  <c:v>2.2203504788360959</c:v>
                </c:pt>
                <c:pt idx="15">
                  <c:v>3.4823533455330185</c:v>
                </c:pt>
                <c:pt idx="16">
                  <c:v>2.2724212308335674</c:v>
                </c:pt>
                <c:pt idx="17">
                  <c:v>2.4521555899204373</c:v>
                </c:pt>
                <c:pt idx="18">
                  <c:v>2.4439141558310431</c:v>
                </c:pt>
                <c:pt idx="19">
                  <c:v>3.7354514800129457</c:v>
                </c:pt>
                <c:pt idx="20">
                  <c:v>3.6645591138397955</c:v>
                </c:pt>
                <c:pt idx="21">
                  <c:v>2.3553317137983449</c:v>
                </c:pt>
                <c:pt idx="22">
                  <c:v>0.61049649893745084</c:v>
                </c:pt>
                <c:pt idx="23">
                  <c:v>-0.8641847878909914</c:v>
                </c:pt>
                <c:pt idx="24">
                  <c:v>-1.1794083031274216</c:v>
                </c:pt>
                <c:pt idx="25">
                  <c:v>-2.6889927905980548</c:v>
                </c:pt>
                <c:pt idx="26">
                  <c:v>-4.2235788432458792</c:v>
                </c:pt>
                <c:pt idx="27">
                  <c:v>-6.4283852292900816</c:v>
                </c:pt>
                <c:pt idx="28">
                  <c:v>-7.4101891276093568</c:v>
                </c:pt>
                <c:pt idx="29">
                  <c:v>-8.1137687681392237</c:v>
                </c:pt>
                <c:pt idx="30">
                  <c:v>-7.6724406530215674</c:v>
                </c:pt>
                <c:pt idx="31">
                  <c:v>-9.2362889691699994</c:v>
                </c:pt>
                <c:pt idx="32">
                  <c:v>-10.567297633929721</c:v>
                </c:pt>
                <c:pt idx="33">
                  <c:v>-11.945981205677247</c:v>
                </c:pt>
                <c:pt idx="34">
                  <c:v>-10.237788818538974</c:v>
                </c:pt>
                <c:pt idx="35">
                  <c:v>-9.7538446765290612</c:v>
                </c:pt>
                <c:pt idx="36">
                  <c:v>-10.888493321245383</c:v>
                </c:pt>
                <c:pt idx="37">
                  <c:v>-11.9046646728707</c:v>
                </c:pt>
                <c:pt idx="38">
                  <c:v>-12.091145159246594</c:v>
                </c:pt>
                <c:pt idx="39">
                  <c:v>-9.7644279432817083</c:v>
                </c:pt>
                <c:pt idx="40">
                  <c:v>-7.3944659775331543</c:v>
                </c:pt>
                <c:pt idx="41">
                  <c:v>-4.926717562557859</c:v>
                </c:pt>
                <c:pt idx="42">
                  <c:v>-4.8307057202895907</c:v>
                </c:pt>
                <c:pt idx="43">
                  <c:v>-2.6022962885704763</c:v>
                </c:pt>
                <c:pt idx="44">
                  <c:v>-1.9113274480886229</c:v>
                </c:pt>
                <c:pt idx="45">
                  <c:v>-0.12611930395091994</c:v>
                </c:pt>
                <c:pt idx="46">
                  <c:v>1.4239972610648124</c:v>
                </c:pt>
                <c:pt idx="47">
                  <c:v>4.6380915724568395</c:v>
                </c:pt>
                <c:pt idx="48">
                  <c:v>7.393898522316495</c:v>
                </c:pt>
                <c:pt idx="49">
                  <c:v>12.215622454227789</c:v>
                </c:pt>
                <c:pt idx="50">
                  <c:v>14.175753644581329</c:v>
                </c:pt>
                <c:pt idx="51">
                  <c:v>15.718196297699725</c:v>
                </c:pt>
                <c:pt idx="52">
                  <c:v>11.66863195148197</c:v>
                </c:pt>
                <c:pt idx="53">
                  <c:v>10.352695957325366</c:v>
                </c:pt>
                <c:pt idx="54">
                  <c:v>10.718083254823492</c:v>
                </c:pt>
                <c:pt idx="55">
                  <c:v>11.898943166042221</c:v>
                </c:pt>
                <c:pt idx="56">
                  <c:v>14.606611282753613</c:v>
                </c:pt>
                <c:pt idx="57">
                  <c:v>12.808780637412781</c:v>
                </c:pt>
                <c:pt idx="58">
                  <c:v>12.123888127728288</c:v>
                </c:pt>
                <c:pt idx="59">
                  <c:v>8.6439344973284076</c:v>
                </c:pt>
              </c:numCache>
            </c:numRef>
          </c:val>
          <c:smooth val="0"/>
          <c:extLst>
            <c:ext xmlns:c16="http://schemas.microsoft.com/office/drawing/2014/chart" uri="{C3380CC4-5D6E-409C-BE32-E72D297353CC}">
              <c16:uniqueId val="{00000002-1028-4214-87F2-18C4620015BE}"/>
            </c:ext>
          </c:extLst>
        </c:ser>
        <c:ser>
          <c:idx val="3"/>
          <c:order val="3"/>
          <c:tx>
            <c:strRef>
              <c:f>'fig3_exports M'!$T$248</c:f>
              <c:strCache>
                <c:ptCount val="1"/>
                <c:pt idx="0">
                  <c:v>ASEAN-5</c:v>
                </c:pt>
              </c:strCache>
            </c:strRef>
          </c:tx>
          <c:marker>
            <c:symbol val="none"/>
          </c:marker>
          <c:cat>
            <c:strRef>
              <c:f>'fig3_exports M'!$AM$345:$AM$405</c:f>
              <c:strCache>
                <c:ptCount val="61"/>
                <c:pt idx="0">
                  <c:v>Jan 2013</c:v>
                </c:pt>
                <c:pt idx="12">
                  <c:v>Jan 2014</c:v>
                </c:pt>
                <c:pt idx="24">
                  <c:v>Jan 2015</c:v>
                </c:pt>
                <c:pt idx="36">
                  <c:v>Jan 2016</c:v>
                </c:pt>
                <c:pt idx="48">
                  <c:v>Jan 2017</c:v>
                </c:pt>
                <c:pt idx="60">
                  <c:v>Jan 2018</c:v>
                </c:pt>
              </c:strCache>
            </c:strRef>
          </c:cat>
          <c:val>
            <c:numRef>
              <c:f>'fig3_exports M'!$T$345:$T$405</c:f>
              <c:numCache>
                <c:formatCode>0.0</c:formatCode>
                <c:ptCount val="61"/>
                <c:pt idx="0">
                  <c:v>8.7439824936103374</c:v>
                </c:pt>
                <c:pt idx="1">
                  <c:v>3.0385525346462523</c:v>
                </c:pt>
                <c:pt idx="2">
                  <c:v>1.4784617001759035</c:v>
                </c:pt>
                <c:pt idx="3">
                  <c:v>-3.4400160323871822</c:v>
                </c:pt>
                <c:pt idx="4">
                  <c:v>-1.0371362120407401</c:v>
                </c:pt>
                <c:pt idx="5">
                  <c:v>-1.1264825832561864</c:v>
                </c:pt>
                <c:pt idx="6">
                  <c:v>-0.40973760231092626</c:v>
                </c:pt>
                <c:pt idx="7">
                  <c:v>1.5841524795299098</c:v>
                </c:pt>
                <c:pt idx="8">
                  <c:v>1.9517003436087776</c:v>
                </c:pt>
                <c:pt idx="9">
                  <c:v>3.5241212819715124</c:v>
                </c:pt>
                <c:pt idx="10">
                  <c:v>2.3617723433086106</c:v>
                </c:pt>
                <c:pt idx="11">
                  <c:v>5.4731718619517222</c:v>
                </c:pt>
                <c:pt idx="12">
                  <c:v>3.1960137363112202</c:v>
                </c:pt>
                <c:pt idx="13">
                  <c:v>4.4514718175238857</c:v>
                </c:pt>
                <c:pt idx="14">
                  <c:v>2.6598991757792021</c:v>
                </c:pt>
                <c:pt idx="15">
                  <c:v>5.3513569679742403</c:v>
                </c:pt>
                <c:pt idx="16">
                  <c:v>4.0563558369708232</c:v>
                </c:pt>
                <c:pt idx="17">
                  <c:v>5.293598110370425</c:v>
                </c:pt>
                <c:pt idx="18">
                  <c:v>3.493923911497788</c:v>
                </c:pt>
                <c:pt idx="19">
                  <c:v>4.1547224776331531</c:v>
                </c:pt>
                <c:pt idx="20">
                  <c:v>3.874018453379326</c:v>
                </c:pt>
                <c:pt idx="21">
                  <c:v>3.6348131527404868</c:v>
                </c:pt>
                <c:pt idx="22">
                  <c:v>1.8440770498469921</c:v>
                </c:pt>
                <c:pt idx="23">
                  <c:v>-1.0316262010530817</c:v>
                </c:pt>
                <c:pt idx="24">
                  <c:v>-2.3157629551721803</c:v>
                </c:pt>
                <c:pt idx="25">
                  <c:v>-5.4064357855777798</c:v>
                </c:pt>
                <c:pt idx="26">
                  <c:v>-5.9025182106267762</c:v>
                </c:pt>
                <c:pt idx="27">
                  <c:v>-7.3921360560482254</c:v>
                </c:pt>
                <c:pt idx="28">
                  <c:v>-6.6289086544772191</c:v>
                </c:pt>
                <c:pt idx="29">
                  <c:v>-6.8155789505146585</c:v>
                </c:pt>
                <c:pt idx="30">
                  <c:v>-6.6128731895380923</c:v>
                </c:pt>
                <c:pt idx="31">
                  <c:v>-6.5732971933182256</c:v>
                </c:pt>
                <c:pt idx="32">
                  <c:v>-8.2500841948673074</c:v>
                </c:pt>
                <c:pt idx="33">
                  <c:v>-9.2258363514683932</c:v>
                </c:pt>
                <c:pt idx="34">
                  <c:v>-9.6429374557158667</c:v>
                </c:pt>
                <c:pt idx="35">
                  <c:v>-9.6384145772533198</c:v>
                </c:pt>
                <c:pt idx="36">
                  <c:v>-10.241377931215203</c:v>
                </c:pt>
                <c:pt idx="37">
                  <c:v>-6.896879676157023</c:v>
                </c:pt>
                <c:pt idx="38">
                  <c:v>-4.557895834910056</c:v>
                </c:pt>
                <c:pt idx="39">
                  <c:v>-2.1590126176041102</c:v>
                </c:pt>
                <c:pt idx="40">
                  <c:v>-3.990757702621039</c:v>
                </c:pt>
                <c:pt idx="41">
                  <c:v>-3.6131494729653277</c:v>
                </c:pt>
                <c:pt idx="42">
                  <c:v>-4.5705045223717917</c:v>
                </c:pt>
                <c:pt idx="43">
                  <c:v>-1.3411280002407295</c:v>
                </c:pt>
                <c:pt idx="44">
                  <c:v>0.69315925374002063</c:v>
                </c:pt>
                <c:pt idx="45">
                  <c:v>3.127127879981709</c:v>
                </c:pt>
                <c:pt idx="46">
                  <c:v>5.4225976612612685</c:v>
                </c:pt>
                <c:pt idx="47">
                  <c:v>7.750526996540998</c:v>
                </c:pt>
                <c:pt idx="48">
                  <c:v>11.882799514792188</c:v>
                </c:pt>
                <c:pt idx="49">
                  <c:v>11.855182342391268</c:v>
                </c:pt>
                <c:pt idx="50">
                  <c:v>12.896054578882939</c:v>
                </c:pt>
                <c:pt idx="51">
                  <c:v>12.908505269531554</c:v>
                </c:pt>
                <c:pt idx="52">
                  <c:v>15.804254664737229</c:v>
                </c:pt>
                <c:pt idx="53">
                  <c:v>13.275565721805842</c:v>
                </c:pt>
                <c:pt idx="54">
                  <c:v>15.851752901100966</c:v>
                </c:pt>
                <c:pt idx="55">
                  <c:v>14.622299597333864</c:v>
                </c:pt>
                <c:pt idx="56">
                  <c:v>17.391526929513489</c:v>
                </c:pt>
                <c:pt idx="57">
                  <c:v>17.001048749335045</c:v>
                </c:pt>
                <c:pt idx="58">
                  <c:v>16.948960806578658</c:v>
                </c:pt>
                <c:pt idx="59">
                  <c:v>15.606278226606586</c:v>
                </c:pt>
              </c:numCache>
            </c:numRef>
          </c:val>
          <c:smooth val="0"/>
          <c:extLst>
            <c:ext xmlns:c16="http://schemas.microsoft.com/office/drawing/2014/chart" uri="{C3380CC4-5D6E-409C-BE32-E72D297353CC}">
              <c16:uniqueId val="{00000003-1028-4214-87F2-18C4620015BE}"/>
            </c:ext>
          </c:extLst>
        </c:ser>
        <c:dLbls>
          <c:showLegendKey val="0"/>
          <c:showVal val="0"/>
          <c:showCatName val="0"/>
          <c:showSerName val="0"/>
          <c:showPercent val="0"/>
          <c:showBubbleSize val="0"/>
        </c:dLbls>
        <c:smooth val="0"/>
        <c:axId val="738025928"/>
        <c:axId val="738026320"/>
      </c:lineChart>
      <c:catAx>
        <c:axId val="738025928"/>
        <c:scaling>
          <c:orientation val="minMax"/>
        </c:scaling>
        <c:delete val="0"/>
        <c:axPos val="b"/>
        <c:numFmt formatCode="[$-409]mmm\-yy;@" sourceLinked="0"/>
        <c:majorTickMark val="out"/>
        <c:minorTickMark val="none"/>
        <c:tickLblPos val="low"/>
        <c:txPr>
          <a:bodyPr/>
          <a:lstStyle/>
          <a:p>
            <a:pPr>
              <a:defRPr sz="1100" b="1"/>
            </a:pPr>
            <a:endParaRPr lang="en-US"/>
          </a:p>
        </c:txPr>
        <c:crossAx val="738026320"/>
        <c:crosses val="autoZero"/>
        <c:auto val="1"/>
        <c:lblAlgn val="ctr"/>
        <c:lblOffset val="100"/>
        <c:tickLblSkip val="1"/>
        <c:tickMarkSkip val="6"/>
        <c:noMultiLvlLbl val="1"/>
      </c:catAx>
      <c:valAx>
        <c:axId val="738026320"/>
        <c:scaling>
          <c:orientation val="minMax"/>
          <c:max val="30"/>
          <c:min val="-30"/>
        </c:scaling>
        <c:delete val="0"/>
        <c:axPos val="l"/>
        <c:title>
          <c:tx>
            <c:rich>
              <a:bodyPr rot="0" vert="horz"/>
              <a:lstStyle/>
              <a:p>
                <a:pPr>
                  <a:defRPr b="0"/>
                </a:pPr>
                <a:r>
                  <a:rPr lang="en-US" b="0"/>
                  <a:t>% change, yoy, 3mma</a:t>
                </a:r>
              </a:p>
            </c:rich>
          </c:tx>
          <c:layout>
            <c:manualLayout>
              <c:xMode val="edge"/>
              <c:yMode val="edge"/>
              <c:x val="3.2840722495894911E-2"/>
              <c:y val="0.16219107666062604"/>
            </c:manualLayout>
          </c:layout>
          <c:overlay val="0"/>
        </c:title>
        <c:numFmt formatCode="0" sourceLinked="0"/>
        <c:majorTickMark val="out"/>
        <c:minorTickMark val="none"/>
        <c:tickLblPos val="nextTo"/>
        <c:txPr>
          <a:bodyPr/>
          <a:lstStyle/>
          <a:p>
            <a:pPr>
              <a:defRPr sz="1200" b="1"/>
            </a:pPr>
            <a:endParaRPr lang="en-US"/>
          </a:p>
        </c:txPr>
        <c:crossAx val="738025928"/>
        <c:crosses val="autoZero"/>
        <c:crossBetween val="between"/>
        <c:majorUnit val="15"/>
      </c:valAx>
    </c:plotArea>
    <c:legend>
      <c:legendPos val="t"/>
      <c:layout>
        <c:manualLayout>
          <c:xMode val="edge"/>
          <c:yMode val="edge"/>
          <c:x val="0.12471846191639838"/>
          <c:y val="9.1797385620915051E-2"/>
          <c:w val="0.79653982907308996"/>
          <c:h val="5.9094488188976377E-2"/>
        </c:manualLayout>
      </c:layout>
      <c:overlay val="0"/>
      <c:txPr>
        <a:bodyPr/>
        <a:lstStyle/>
        <a:p>
          <a:pPr>
            <a:defRPr sz="1100" b="1"/>
          </a:pPr>
          <a:endParaRPr lang="en-US"/>
        </a:p>
      </c:txPr>
    </c:legend>
    <c:plotVisOnly val="1"/>
    <c:dispBlanksAs val="gap"/>
    <c:showDLblsOverMax val="0"/>
  </c:chart>
  <c:txPr>
    <a:bodyPr/>
    <a:lstStyle/>
    <a:p>
      <a:pPr>
        <a:defRPr>
          <a:latin typeface="Arial" panose="020B0604020202020204" pitchFamily="34" charset="0"/>
          <a:cs typeface="Arial" panose="020B0604020202020204" pitchFamily="34" charset="0"/>
        </a:defRPr>
      </a:pPr>
      <a:endParaRPr lang="en-US"/>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934378910446942"/>
          <c:y val="0.25625952906230465"/>
          <c:w val="0.77819807129898977"/>
          <c:h val="0.63767950794839523"/>
        </c:manualLayout>
      </c:layout>
      <c:barChart>
        <c:barDir val="col"/>
        <c:grouping val="stacked"/>
        <c:varyColors val="0"/>
        <c:ser>
          <c:idx val="0"/>
          <c:order val="0"/>
          <c:tx>
            <c:strRef>
              <c:f>Sheet1!$B$1</c:f>
              <c:strCache>
                <c:ptCount val="1"/>
                <c:pt idx="0">
                  <c:v>Others</c:v>
                </c:pt>
              </c:strCache>
            </c:strRef>
          </c:tx>
          <c:spPr>
            <a:solidFill>
              <a:srgbClr val="00B0F0"/>
            </a:solidFill>
            <a:ln>
              <a:noFill/>
            </a:ln>
            <a:effectLst/>
          </c:spPr>
          <c:invertIfNegative val="0"/>
          <c:cat>
            <c:numRef>
              <c:f>Sheet1!$A$2:$A$3</c:f>
              <c:numCache>
                <c:formatCode>General</c:formatCode>
                <c:ptCount val="2"/>
                <c:pt idx="0">
                  <c:v>2017</c:v>
                </c:pt>
                <c:pt idx="1">
                  <c:v>2018</c:v>
                </c:pt>
              </c:numCache>
            </c:numRef>
          </c:cat>
          <c:val>
            <c:numRef>
              <c:f>Sheet1!$B$2:$B$3</c:f>
              <c:numCache>
                <c:formatCode>General</c:formatCode>
                <c:ptCount val="2"/>
                <c:pt idx="0">
                  <c:v>163.19999999999999</c:v>
                </c:pt>
                <c:pt idx="1">
                  <c:v>183.09999999999997</c:v>
                </c:pt>
              </c:numCache>
            </c:numRef>
          </c:val>
          <c:extLst>
            <c:ext xmlns:c16="http://schemas.microsoft.com/office/drawing/2014/chart" uri="{C3380CC4-5D6E-409C-BE32-E72D297353CC}">
              <c16:uniqueId val="{00000000-26A3-4BCF-A79D-901AD4ED71DF}"/>
            </c:ext>
          </c:extLst>
        </c:ser>
        <c:ser>
          <c:idx val="1"/>
          <c:order val="1"/>
          <c:tx>
            <c:strRef>
              <c:f>Sheet1!$C$1</c:f>
              <c:strCache>
                <c:ptCount val="1"/>
                <c:pt idx="0">
                  <c:v>Asia</c:v>
                </c:pt>
              </c:strCache>
            </c:strRef>
          </c:tx>
          <c:spPr>
            <a:solidFill>
              <a:schemeClr val="accent6">
                <a:lumMod val="75000"/>
              </a:schemeClr>
            </a:solidFill>
            <a:ln>
              <a:noFill/>
            </a:ln>
            <a:effectLst/>
          </c:spPr>
          <c:invertIfNegative val="0"/>
          <c:cat>
            <c:numRef>
              <c:f>Sheet1!$A$2:$A$3</c:f>
              <c:numCache>
                <c:formatCode>General</c:formatCode>
                <c:ptCount val="2"/>
                <c:pt idx="0">
                  <c:v>2017</c:v>
                </c:pt>
                <c:pt idx="1">
                  <c:v>2018</c:v>
                </c:pt>
              </c:numCache>
            </c:numRef>
          </c:cat>
          <c:val>
            <c:numRef>
              <c:f>Sheet1!$C$2:$C$3</c:f>
              <c:numCache>
                <c:formatCode>General</c:formatCode>
                <c:ptCount val="2"/>
                <c:pt idx="0">
                  <c:v>248.8</c:v>
                </c:pt>
                <c:pt idx="1">
                  <c:v>268.10000000000002</c:v>
                </c:pt>
              </c:numCache>
            </c:numRef>
          </c:val>
          <c:extLst>
            <c:ext xmlns:c16="http://schemas.microsoft.com/office/drawing/2014/chart" uri="{C3380CC4-5D6E-409C-BE32-E72D297353CC}">
              <c16:uniqueId val="{00000001-26A3-4BCF-A79D-901AD4ED71DF}"/>
            </c:ext>
          </c:extLst>
        </c:ser>
        <c:dLbls>
          <c:showLegendKey val="0"/>
          <c:showVal val="0"/>
          <c:showCatName val="0"/>
          <c:showSerName val="0"/>
          <c:showPercent val="0"/>
          <c:showBubbleSize val="0"/>
        </c:dLbls>
        <c:gapWidth val="150"/>
        <c:overlap val="100"/>
        <c:axId val="694288488"/>
        <c:axId val="694288880"/>
      </c:barChart>
      <c:lineChart>
        <c:grouping val="standard"/>
        <c:varyColors val="0"/>
        <c:ser>
          <c:idx val="2"/>
          <c:order val="2"/>
          <c:tx>
            <c:strRef>
              <c:f>Sheet1!$D$1</c:f>
              <c:strCache>
                <c:ptCount val="1"/>
                <c:pt idx="0">
                  <c:v>Growth of IC and optoelectronics (right axis)</c:v>
                </c:pt>
              </c:strCache>
            </c:strRef>
          </c:tx>
          <c:spPr>
            <a:ln w="28575" cap="rnd">
              <a:solidFill>
                <a:schemeClr val="accent3"/>
              </a:solidFill>
              <a:round/>
            </a:ln>
            <a:effectLst/>
          </c:spPr>
          <c:marker>
            <c:symbol val="circle"/>
            <c:size val="10"/>
            <c:spPr>
              <a:solidFill>
                <a:srgbClr val="92D050"/>
              </a:solidFill>
              <a:ln w="9525">
                <a:solidFill>
                  <a:schemeClr val="accent3"/>
                </a:solidFill>
              </a:ln>
              <a:effectLst/>
            </c:spPr>
          </c:marker>
          <c:cat>
            <c:numRef>
              <c:f>Sheet1!$A$2:$A$3</c:f>
              <c:numCache>
                <c:formatCode>General</c:formatCode>
                <c:ptCount val="2"/>
                <c:pt idx="0">
                  <c:v>2017</c:v>
                </c:pt>
                <c:pt idx="1">
                  <c:v>2018</c:v>
                </c:pt>
              </c:numCache>
            </c:numRef>
          </c:cat>
          <c:val>
            <c:numRef>
              <c:f>Sheet1!$D$2:$D$3</c:f>
              <c:numCache>
                <c:formatCode>General</c:formatCode>
                <c:ptCount val="2"/>
                <c:pt idx="0">
                  <c:v>22.45215295504903</c:v>
                </c:pt>
                <c:pt idx="1">
                  <c:v>9.7089947089947088</c:v>
                </c:pt>
              </c:numCache>
            </c:numRef>
          </c:val>
          <c:smooth val="0"/>
          <c:extLst>
            <c:ext xmlns:c16="http://schemas.microsoft.com/office/drawing/2014/chart" uri="{C3380CC4-5D6E-409C-BE32-E72D297353CC}">
              <c16:uniqueId val="{00000002-26A3-4BCF-A79D-901AD4ED71DF}"/>
            </c:ext>
          </c:extLst>
        </c:ser>
        <c:dLbls>
          <c:showLegendKey val="0"/>
          <c:showVal val="0"/>
          <c:showCatName val="0"/>
          <c:showSerName val="0"/>
          <c:showPercent val="0"/>
          <c:showBubbleSize val="0"/>
        </c:dLbls>
        <c:marker val="1"/>
        <c:smooth val="0"/>
        <c:axId val="694289664"/>
        <c:axId val="694289272"/>
      </c:lineChart>
      <c:catAx>
        <c:axId val="6942884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16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694288880"/>
        <c:crosses val="autoZero"/>
        <c:auto val="1"/>
        <c:lblAlgn val="ctr"/>
        <c:lblOffset val="100"/>
        <c:noMultiLvlLbl val="0"/>
      </c:catAx>
      <c:valAx>
        <c:axId val="694288880"/>
        <c:scaling>
          <c:orientation val="minMax"/>
        </c:scaling>
        <c:delete val="0"/>
        <c:axPos val="l"/>
        <c:title>
          <c:tx>
            <c:rich>
              <a:bodyPr rot="0" spcFirstLastPara="1" vertOverflow="ellipsis" wrap="square" anchor="ctr" anchorCtr="1"/>
              <a:lstStyle/>
              <a:p>
                <a:pPr>
                  <a:defRPr lang="ja-JP" sz="11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100" dirty="0">
                    <a:latin typeface="Arial" panose="020B0604020202020204" pitchFamily="34" charset="0"/>
                    <a:cs typeface="Arial" panose="020B0604020202020204" pitchFamily="34" charset="0"/>
                  </a:rPr>
                  <a:t>$ billion</a:t>
                </a:r>
              </a:p>
            </c:rich>
          </c:tx>
          <c:layout>
            <c:manualLayout>
              <c:xMode val="edge"/>
              <c:yMode val="edge"/>
              <c:x val="3.3337647102367838E-3"/>
              <c:y val="0.12258860123161994"/>
            </c:manualLayout>
          </c:layout>
          <c:overlay val="0"/>
          <c:spPr>
            <a:noFill/>
            <a:ln>
              <a:noFill/>
            </a:ln>
            <a:effectLst/>
          </c:spPr>
          <c:txPr>
            <a:bodyPr rot="0" spcFirstLastPara="1" vertOverflow="ellipsis" wrap="square" anchor="ctr" anchorCtr="1"/>
            <a:lstStyle/>
            <a:p>
              <a:pPr>
                <a:defRPr lang="ja-JP" sz="11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General" sourceLinked="1"/>
        <c:majorTickMark val="out"/>
        <c:minorTickMark val="none"/>
        <c:tickLblPos val="nextTo"/>
        <c:spPr>
          <a:noFill/>
          <a:ln>
            <a:solidFill>
              <a:schemeClr val="accent1"/>
            </a:solidFill>
          </a:ln>
          <a:effectLst/>
        </c:spPr>
        <c:txPr>
          <a:bodyPr rot="-60000000" spcFirstLastPara="1" vertOverflow="ellipsis" vert="horz" wrap="square" anchor="ctr" anchorCtr="1"/>
          <a:lstStyle/>
          <a:p>
            <a:pPr>
              <a:defRPr lang="ja-JP" sz="1197" b="1" i="0" u="none" strike="noStrike" kern="1200" baseline="0">
                <a:solidFill>
                  <a:srgbClr val="002060"/>
                </a:solidFill>
                <a:latin typeface="Arial" panose="020B0604020202020204" pitchFamily="34" charset="0"/>
                <a:ea typeface="+mn-ea"/>
                <a:cs typeface="Arial" panose="020B0604020202020204" pitchFamily="34" charset="0"/>
              </a:defRPr>
            </a:pPr>
            <a:endParaRPr lang="en-US"/>
          </a:p>
        </c:txPr>
        <c:crossAx val="694288488"/>
        <c:crosses val="autoZero"/>
        <c:crossBetween val="between"/>
        <c:majorUnit val="100"/>
      </c:valAx>
      <c:valAx>
        <c:axId val="694289272"/>
        <c:scaling>
          <c:orientation val="minMax"/>
        </c:scaling>
        <c:delete val="0"/>
        <c:axPos val="r"/>
        <c:title>
          <c:tx>
            <c:rich>
              <a:bodyPr rot="0" spcFirstLastPara="1" vertOverflow="ellipsis" wrap="square" anchor="ctr" anchorCtr="1"/>
              <a:lstStyle/>
              <a:p>
                <a:pPr>
                  <a:defRPr lang="ja-JP" sz="1000" b="0" i="0" u="none" strike="noStrike" kern="1200" baseline="0">
                    <a:solidFill>
                      <a:srgbClr val="002060"/>
                    </a:solidFill>
                    <a:latin typeface="Arial" panose="020B0604020202020204" pitchFamily="34" charset="0"/>
                    <a:ea typeface="+mn-ea"/>
                    <a:cs typeface="Arial" panose="020B0604020202020204" pitchFamily="34" charset="0"/>
                  </a:defRPr>
                </a:pPr>
                <a:r>
                  <a:rPr lang="en-US" sz="1000" dirty="0">
                    <a:solidFill>
                      <a:srgbClr val="002060"/>
                    </a:solidFill>
                    <a:latin typeface="Arial" panose="020B0604020202020204" pitchFamily="34" charset="0"/>
                    <a:cs typeface="Arial" panose="020B0604020202020204" pitchFamily="34" charset="0"/>
                  </a:rPr>
                  <a:t>% change, year on year</a:t>
                </a:r>
              </a:p>
            </c:rich>
          </c:tx>
          <c:layout>
            <c:manualLayout>
              <c:xMode val="edge"/>
              <c:yMode val="edge"/>
              <c:x val="0.81178883321402995"/>
              <c:y val="7.7458723734530083E-2"/>
            </c:manualLayout>
          </c:layout>
          <c:overlay val="0"/>
          <c:spPr>
            <a:noFill/>
            <a:ln>
              <a:noFill/>
            </a:ln>
            <a:effectLst/>
          </c:spPr>
          <c:txPr>
            <a:bodyPr rot="0" spcFirstLastPara="1" vertOverflow="ellipsis" wrap="square" anchor="ctr" anchorCtr="1"/>
            <a:lstStyle/>
            <a:p>
              <a:pPr>
                <a:defRPr lang="ja-JP" sz="1000" b="0" i="0" u="none" strike="noStrike" kern="1200" baseline="0">
                  <a:solidFill>
                    <a:srgbClr val="002060"/>
                  </a:solidFill>
                  <a:latin typeface="Arial" panose="020B0604020202020204" pitchFamily="34" charset="0"/>
                  <a:ea typeface="+mn-ea"/>
                  <a:cs typeface="Arial" panose="020B0604020202020204" pitchFamily="34" charset="0"/>
                </a:defRPr>
              </a:pPr>
              <a:endParaRPr lang="en-US"/>
            </a:p>
          </c:txPr>
        </c:title>
        <c:numFmt formatCode="General" sourceLinked="1"/>
        <c:majorTickMark val="out"/>
        <c:minorTickMark val="none"/>
        <c:tickLblPos val="nextTo"/>
        <c:spPr>
          <a:noFill/>
          <a:ln>
            <a:solidFill>
              <a:schemeClr val="accent1"/>
            </a:solidFill>
          </a:ln>
          <a:effectLst/>
        </c:spPr>
        <c:txPr>
          <a:bodyPr rot="-60000000" spcFirstLastPara="1" vertOverflow="ellipsis" vert="horz" wrap="square" anchor="ctr" anchorCtr="1"/>
          <a:lstStyle/>
          <a:p>
            <a:pPr>
              <a:defRPr lang="ja-JP" sz="1197" b="1" i="0" u="none" strike="noStrike" kern="1200" baseline="0">
                <a:solidFill>
                  <a:srgbClr val="002060"/>
                </a:solidFill>
                <a:latin typeface="Arial" panose="020B0604020202020204" pitchFamily="34" charset="0"/>
                <a:ea typeface="+mn-ea"/>
                <a:cs typeface="Arial" panose="020B0604020202020204" pitchFamily="34" charset="0"/>
              </a:defRPr>
            </a:pPr>
            <a:endParaRPr lang="en-US"/>
          </a:p>
        </c:txPr>
        <c:crossAx val="694289664"/>
        <c:crosses val="max"/>
        <c:crossBetween val="between"/>
      </c:valAx>
      <c:catAx>
        <c:axId val="694289664"/>
        <c:scaling>
          <c:orientation val="minMax"/>
        </c:scaling>
        <c:delete val="1"/>
        <c:axPos val="b"/>
        <c:numFmt formatCode="General" sourceLinked="1"/>
        <c:majorTickMark val="out"/>
        <c:minorTickMark val="none"/>
        <c:tickLblPos val="nextTo"/>
        <c:crossAx val="694289272"/>
        <c:crosses val="autoZero"/>
        <c:auto val="1"/>
        <c:lblAlgn val="ctr"/>
        <c:lblOffset val="100"/>
        <c:noMultiLvlLbl val="0"/>
      </c:catAx>
      <c:spPr>
        <a:noFill/>
        <a:ln>
          <a:noFill/>
        </a:ln>
        <a:effectLst/>
      </c:spPr>
    </c:plotArea>
    <c:legend>
      <c:legendPos val="t"/>
      <c:layout>
        <c:manualLayout>
          <c:xMode val="edge"/>
          <c:yMode val="edge"/>
          <c:x val="0.16066586555782045"/>
          <c:y val="7.0974839166685372E-2"/>
          <c:w val="0.69674063365075534"/>
          <c:h val="0.15116167727221289"/>
        </c:manualLayout>
      </c:layout>
      <c:overlay val="0"/>
      <c:spPr>
        <a:noFill/>
        <a:ln>
          <a:noFill/>
        </a:ln>
        <a:effectLst/>
      </c:spPr>
      <c:txPr>
        <a:bodyPr rot="0" spcFirstLastPara="1" vertOverflow="ellipsis" vert="horz" wrap="square" anchor="ctr" anchorCtr="1"/>
        <a:lstStyle/>
        <a:p>
          <a:pPr marL="0" algn="l">
            <a:spcAft>
              <a:spcPts val="0"/>
            </a:spcAft>
            <a:defRPr lang="ja-JP" sz="105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4456894811225523E-2"/>
          <c:y val="0.20145986365798235"/>
          <c:w val="0.9253965850422543"/>
          <c:h val="0.61004782539766422"/>
        </c:manualLayout>
      </c:layout>
      <c:barChart>
        <c:barDir val="col"/>
        <c:grouping val="stacked"/>
        <c:varyColors val="0"/>
        <c:ser>
          <c:idx val="0"/>
          <c:order val="0"/>
          <c:tx>
            <c:strRef>
              <c:f>Sheet1!$A$2</c:f>
              <c:strCache>
                <c:ptCount val="1"/>
                <c:pt idx="0">
                  <c:v>Total consumption</c:v>
                </c:pt>
              </c:strCache>
            </c:strRef>
          </c:tx>
          <c:spPr>
            <a:solidFill>
              <a:srgbClr val="FF9900"/>
            </a:solidFill>
            <a:ln>
              <a:noFill/>
            </a:ln>
            <a:effectLst/>
          </c:spPr>
          <c:invertIfNegative val="0"/>
          <c:cat>
            <c:strRef>
              <c:f>Sheet1!$B$1:$L$1</c:f>
              <c:strCache>
                <c:ptCount val="11"/>
                <c:pt idx="0">
                  <c:v>PRC</c:v>
                </c:pt>
                <c:pt idx="1">
                  <c:v>IND</c:v>
                </c:pt>
                <c:pt idx="2">
                  <c:v>HKG</c:v>
                </c:pt>
                <c:pt idx="3">
                  <c:v>KOR</c:v>
                </c:pt>
                <c:pt idx="4">
                  <c:v>SIN</c:v>
                </c:pt>
                <c:pt idx="5">
                  <c:v>TAP</c:v>
                </c:pt>
                <c:pt idx="6">
                  <c:v>INO</c:v>
                </c:pt>
                <c:pt idx="7">
                  <c:v>MAL</c:v>
                </c:pt>
                <c:pt idx="8">
                  <c:v>PHI</c:v>
                </c:pt>
                <c:pt idx="9">
                  <c:v>THA</c:v>
                </c:pt>
                <c:pt idx="10">
                  <c:v>VIE</c:v>
                </c:pt>
              </c:strCache>
            </c:strRef>
          </c:cat>
          <c:val>
            <c:numRef>
              <c:f>Sheet1!$B$2:$L$2</c:f>
              <c:numCache>
                <c:formatCode>0.0</c:formatCode>
                <c:ptCount val="11"/>
                <c:pt idx="0" formatCode="#,##0.0">
                  <c:v>4.0999999999999996</c:v>
                </c:pt>
                <c:pt idx="1">
                  <c:v>4.5154696943024062</c:v>
                </c:pt>
                <c:pt idx="2">
                  <c:v>3.9116355818934019</c:v>
                </c:pt>
                <c:pt idx="3">
                  <c:v>1.8533290995340868</c:v>
                </c:pt>
                <c:pt idx="4">
                  <c:v>1.4842919564305079</c:v>
                </c:pt>
                <c:pt idx="5">
                  <c:v>1.1460580946840866</c:v>
                </c:pt>
                <c:pt idx="6">
                  <c:v>2.9397287692918459</c:v>
                </c:pt>
                <c:pt idx="7">
                  <c:v>4.421476827400884</c:v>
                </c:pt>
                <c:pt idx="8">
                  <c:v>4.769477959682777</c:v>
                </c:pt>
                <c:pt idx="9">
                  <c:v>1.7127039651955867</c:v>
                </c:pt>
                <c:pt idx="10">
                  <c:v>5.4120682147803052</c:v>
                </c:pt>
              </c:numCache>
            </c:numRef>
          </c:val>
          <c:extLst>
            <c:ext xmlns:c16="http://schemas.microsoft.com/office/drawing/2014/chart" uri="{C3380CC4-5D6E-409C-BE32-E72D297353CC}">
              <c16:uniqueId val="{00000000-DDE5-41FC-9FAC-3179CE4372B5}"/>
            </c:ext>
          </c:extLst>
        </c:ser>
        <c:ser>
          <c:idx val="1"/>
          <c:order val="1"/>
          <c:tx>
            <c:strRef>
              <c:f>Sheet1!$A$3</c:f>
              <c:strCache>
                <c:ptCount val="1"/>
                <c:pt idx="0">
                  <c:v>Total investments</c:v>
                </c:pt>
              </c:strCache>
            </c:strRef>
          </c:tx>
          <c:spPr>
            <a:solidFill>
              <a:srgbClr val="00B050"/>
            </a:solidFill>
            <a:ln>
              <a:noFill/>
            </a:ln>
            <a:effectLst/>
          </c:spPr>
          <c:invertIfNegative val="0"/>
          <c:cat>
            <c:strRef>
              <c:f>Sheet1!$B$1:$L$1</c:f>
              <c:strCache>
                <c:ptCount val="11"/>
                <c:pt idx="0">
                  <c:v>PRC</c:v>
                </c:pt>
                <c:pt idx="1">
                  <c:v>IND</c:v>
                </c:pt>
                <c:pt idx="2">
                  <c:v>HKG</c:v>
                </c:pt>
                <c:pt idx="3">
                  <c:v>KOR</c:v>
                </c:pt>
                <c:pt idx="4">
                  <c:v>SIN</c:v>
                </c:pt>
                <c:pt idx="5">
                  <c:v>TAP</c:v>
                </c:pt>
                <c:pt idx="6">
                  <c:v>INO</c:v>
                </c:pt>
                <c:pt idx="7">
                  <c:v>MAL</c:v>
                </c:pt>
                <c:pt idx="8">
                  <c:v>PHI</c:v>
                </c:pt>
                <c:pt idx="9">
                  <c:v>THA</c:v>
                </c:pt>
                <c:pt idx="10">
                  <c:v>VIE</c:v>
                </c:pt>
              </c:strCache>
            </c:strRef>
          </c:cat>
          <c:val>
            <c:numRef>
              <c:f>Sheet1!$B$3:$L$3</c:f>
              <c:numCache>
                <c:formatCode>0.0</c:formatCode>
                <c:ptCount val="11"/>
                <c:pt idx="0" formatCode="#,##0.0">
                  <c:v>2.2000000000000002</c:v>
                </c:pt>
                <c:pt idx="1">
                  <c:v>3.3195208890909953</c:v>
                </c:pt>
                <c:pt idx="2">
                  <c:v>1.2601151727386961</c:v>
                </c:pt>
                <c:pt idx="3">
                  <c:v>3</c:v>
                </c:pt>
                <c:pt idx="4">
                  <c:v>2.3890072132073499</c:v>
                </c:pt>
                <c:pt idx="5">
                  <c:v>-0.25604645105534363</c:v>
                </c:pt>
                <c:pt idx="6">
                  <c:v>1.7929368588111321</c:v>
                </c:pt>
                <c:pt idx="7">
                  <c:v>1.5760309034159969</c:v>
                </c:pt>
                <c:pt idx="8">
                  <c:v>2.5200694575447464</c:v>
                </c:pt>
                <c:pt idx="9">
                  <c:v>3.0573070353804015</c:v>
                </c:pt>
                <c:pt idx="10">
                  <c:v>3.2376811689098268</c:v>
                </c:pt>
              </c:numCache>
            </c:numRef>
          </c:val>
          <c:extLst>
            <c:ext xmlns:c16="http://schemas.microsoft.com/office/drawing/2014/chart" uri="{C3380CC4-5D6E-409C-BE32-E72D297353CC}">
              <c16:uniqueId val="{00000001-DDE5-41FC-9FAC-3179CE4372B5}"/>
            </c:ext>
          </c:extLst>
        </c:ser>
        <c:ser>
          <c:idx val="2"/>
          <c:order val="2"/>
          <c:tx>
            <c:strRef>
              <c:f>Sheet1!$A$4</c:f>
              <c:strCache>
                <c:ptCount val="1"/>
                <c:pt idx="0">
                  <c:v>Net exports</c:v>
                </c:pt>
              </c:strCache>
            </c:strRef>
          </c:tx>
          <c:spPr>
            <a:solidFill>
              <a:srgbClr val="0070C0"/>
            </a:solidFill>
            <a:ln>
              <a:noFill/>
            </a:ln>
            <a:effectLst/>
          </c:spPr>
          <c:invertIfNegative val="0"/>
          <c:cat>
            <c:strRef>
              <c:f>Sheet1!$B$1:$L$1</c:f>
              <c:strCache>
                <c:ptCount val="11"/>
                <c:pt idx="0">
                  <c:v>PRC</c:v>
                </c:pt>
                <c:pt idx="1">
                  <c:v>IND</c:v>
                </c:pt>
                <c:pt idx="2">
                  <c:v>HKG</c:v>
                </c:pt>
                <c:pt idx="3">
                  <c:v>KOR</c:v>
                </c:pt>
                <c:pt idx="4">
                  <c:v>SIN</c:v>
                </c:pt>
                <c:pt idx="5">
                  <c:v>TAP</c:v>
                </c:pt>
                <c:pt idx="6">
                  <c:v>INO</c:v>
                </c:pt>
                <c:pt idx="7">
                  <c:v>MAL</c:v>
                </c:pt>
                <c:pt idx="8">
                  <c:v>PHI</c:v>
                </c:pt>
                <c:pt idx="9">
                  <c:v>THA</c:v>
                </c:pt>
                <c:pt idx="10">
                  <c:v>VIE</c:v>
                </c:pt>
              </c:strCache>
            </c:strRef>
          </c:cat>
          <c:val>
            <c:numRef>
              <c:f>Sheet1!$B$4:$L$4</c:f>
              <c:numCache>
                <c:formatCode>0.0</c:formatCode>
                <c:ptCount val="11"/>
                <c:pt idx="0" formatCode="#,##0.0">
                  <c:v>0.6</c:v>
                </c:pt>
                <c:pt idx="1">
                  <c:v>-1.22451553200978</c:v>
                </c:pt>
                <c:pt idx="2">
                  <c:v>-1.3485808344267369</c:v>
                </c:pt>
                <c:pt idx="3">
                  <c:v>-1.7000000000000002</c:v>
                </c:pt>
                <c:pt idx="4">
                  <c:v>-3.5921181856228286E-2</c:v>
                </c:pt>
                <c:pt idx="5">
                  <c:v>1.9670331296984342</c:v>
                </c:pt>
                <c:pt idx="6">
                  <c:v>0.3492398956554989</c:v>
                </c:pt>
                <c:pt idx="7">
                  <c:v>-9.5828742667341621E-2</c:v>
                </c:pt>
                <c:pt idx="8">
                  <c:v>-0.56199526407932265</c:v>
                </c:pt>
                <c:pt idx="9">
                  <c:v>-0.22288229750175148</c:v>
                </c:pt>
                <c:pt idx="10">
                  <c:v>-1.9727808752418585</c:v>
                </c:pt>
              </c:numCache>
            </c:numRef>
          </c:val>
          <c:extLst>
            <c:ext xmlns:c16="http://schemas.microsoft.com/office/drawing/2014/chart" uri="{C3380CC4-5D6E-409C-BE32-E72D297353CC}">
              <c16:uniqueId val="{00000002-DDE5-41FC-9FAC-3179CE4372B5}"/>
            </c:ext>
          </c:extLst>
        </c:ser>
        <c:dLbls>
          <c:showLegendKey val="0"/>
          <c:showVal val="0"/>
          <c:showCatName val="0"/>
          <c:showSerName val="0"/>
          <c:showPercent val="0"/>
          <c:showBubbleSize val="0"/>
        </c:dLbls>
        <c:gapWidth val="55"/>
        <c:overlap val="100"/>
        <c:axId val="849575368"/>
        <c:axId val="849575760"/>
      </c:barChart>
      <c:lineChart>
        <c:grouping val="stacked"/>
        <c:varyColors val="0"/>
        <c:ser>
          <c:idx val="3"/>
          <c:order val="3"/>
          <c:tx>
            <c:strRef>
              <c:f>Sheet1!$A$5</c:f>
              <c:strCache>
                <c:ptCount val="1"/>
                <c:pt idx="0">
                  <c:v>GDP growth</c:v>
                </c:pt>
              </c:strCache>
            </c:strRef>
          </c:tx>
          <c:spPr>
            <a:ln w="28575" cap="rnd">
              <a:noFill/>
              <a:round/>
            </a:ln>
            <a:effectLst/>
          </c:spPr>
          <c:marker>
            <c:symbol val="circle"/>
            <c:size val="12"/>
            <c:spPr>
              <a:solidFill>
                <a:srgbClr val="FFFF00"/>
              </a:solidFill>
              <a:ln w="9525">
                <a:solidFill>
                  <a:schemeClr val="tx1"/>
                </a:solidFill>
              </a:ln>
              <a:effectLst/>
            </c:spPr>
          </c:marker>
          <c:cat>
            <c:strRef>
              <c:f>Sheet1!$B$1:$L$1</c:f>
              <c:strCache>
                <c:ptCount val="11"/>
                <c:pt idx="0">
                  <c:v>PRC</c:v>
                </c:pt>
                <c:pt idx="1">
                  <c:v>IND</c:v>
                </c:pt>
                <c:pt idx="2">
                  <c:v>HKG</c:v>
                </c:pt>
                <c:pt idx="3">
                  <c:v>KOR</c:v>
                </c:pt>
                <c:pt idx="4">
                  <c:v>SIN</c:v>
                </c:pt>
                <c:pt idx="5">
                  <c:v>TAP</c:v>
                </c:pt>
                <c:pt idx="6">
                  <c:v>INO</c:v>
                </c:pt>
                <c:pt idx="7">
                  <c:v>MAL</c:v>
                </c:pt>
                <c:pt idx="8">
                  <c:v>PHI</c:v>
                </c:pt>
                <c:pt idx="9">
                  <c:v>THA</c:v>
                </c:pt>
                <c:pt idx="10">
                  <c:v>VIE</c:v>
                </c:pt>
              </c:strCache>
            </c:strRef>
          </c:cat>
          <c:val>
            <c:numRef>
              <c:f>Sheet1!$B$5:$L$5</c:f>
              <c:numCache>
                <c:formatCode>0.0</c:formatCode>
                <c:ptCount val="11"/>
                <c:pt idx="0" formatCode="#,##0.0">
                  <c:v>6.9</c:v>
                </c:pt>
                <c:pt idx="1">
                  <c:v>6.6242254534619418</c:v>
                </c:pt>
                <c:pt idx="2">
                  <c:v>3.8231699202053733</c:v>
                </c:pt>
                <c:pt idx="3">
                  <c:v>3.0627550123857787</c:v>
                </c:pt>
                <c:pt idx="4">
                  <c:v>3.6185423359181641</c:v>
                </c:pt>
                <c:pt idx="5">
                  <c:v>2.8570447733271749</c:v>
                </c:pt>
                <c:pt idx="6">
                  <c:v>5.0676802740897529</c:v>
                </c:pt>
                <c:pt idx="7">
                  <c:v>5.9018594565914668</c:v>
                </c:pt>
                <c:pt idx="8">
                  <c:v>6.6681900959132889</c:v>
                </c:pt>
                <c:pt idx="9">
                  <c:v>3.9029750419469451</c:v>
                </c:pt>
                <c:pt idx="10">
                  <c:v>6.8122456596397996</c:v>
                </c:pt>
              </c:numCache>
            </c:numRef>
          </c:val>
          <c:smooth val="0"/>
          <c:extLst>
            <c:ext xmlns:c16="http://schemas.microsoft.com/office/drawing/2014/chart" uri="{C3380CC4-5D6E-409C-BE32-E72D297353CC}">
              <c16:uniqueId val="{00000003-DDE5-41FC-9FAC-3179CE4372B5}"/>
            </c:ext>
          </c:extLst>
        </c:ser>
        <c:dLbls>
          <c:showLegendKey val="0"/>
          <c:showVal val="0"/>
          <c:showCatName val="0"/>
          <c:showSerName val="0"/>
          <c:showPercent val="0"/>
          <c:showBubbleSize val="0"/>
        </c:dLbls>
        <c:marker val="1"/>
        <c:smooth val="0"/>
        <c:axId val="849575368"/>
        <c:axId val="849575760"/>
      </c:lineChart>
      <c:catAx>
        <c:axId val="849575368"/>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lang="ja-JP" sz="16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849575760"/>
        <c:crosses val="autoZero"/>
        <c:auto val="1"/>
        <c:lblAlgn val="ctr"/>
        <c:lblOffset val="100"/>
        <c:noMultiLvlLbl val="0"/>
      </c:catAx>
      <c:valAx>
        <c:axId val="849575760"/>
        <c:scaling>
          <c:orientation val="minMax"/>
          <c:min val="-5"/>
        </c:scaling>
        <c:delete val="0"/>
        <c:axPos val="l"/>
        <c:title>
          <c:tx>
            <c:rich>
              <a:bodyPr rot="0" spcFirstLastPara="1" vertOverflow="ellipsis" wrap="square" anchor="ctr" anchorCtr="1"/>
              <a:lstStyle/>
              <a:p>
                <a:pPr>
                  <a:defRPr lang="ja-JP" sz="105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050" b="1" dirty="0">
                    <a:latin typeface="Arial" panose="020B0604020202020204" pitchFamily="34" charset="0"/>
                    <a:cs typeface="Arial" panose="020B0604020202020204" pitchFamily="34" charset="0"/>
                  </a:rPr>
                  <a:t>Percentage points</a:t>
                </a:r>
              </a:p>
            </c:rich>
          </c:tx>
          <c:layout>
            <c:manualLayout>
              <c:xMode val="edge"/>
              <c:yMode val="edge"/>
              <c:x val="3.5842293906810036E-3"/>
              <c:y val="0.11179411298419913"/>
            </c:manualLayout>
          </c:layout>
          <c:overlay val="0"/>
          <c:spPr>
            <a:noFill/>
            <a:ln>
              <a:noFill/>
            </a:ln>
            <a:effectLst/>
          </c:spPr>
          <c:txPr>
            <a:bodyPr rot="0" spcFirstLastPara="1" vertOverflow="ellipsis" wrap="square" anchor="ctr" anchorCtr="1"/>
            <a:lstStyle/>
            <a:p>
              <a:pPr>
                <a:defRPr lang="ja-JP" sz="105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0" sourceLinked="0"/>
        <c:majorTickMark val="none"/>
        <c:minorTickMark val="none"/>
        <c:tickLblPos val="nextTo"/>
        <c:spPr>
          <a:noFill/>
          <a:ln>
            <a:noFill/>
          </a:ln>
          <a:effectLst/>
        </c:spPr>
        <c:txPr>
          <a:bodyPr rot="-60000000" spcFirstLastPara="1" vertOverflow="ellipsis" vert="horz" wrap="square" anchor="ctr" anchorCtr="1"/>
          <a:lstStyle/>
          <a:p>
            <a:pPr>
              <a:defRPr lang="ja-JP" sz="14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849575368"/>
        <c:crosses val="autoZero"/>
        <c:crossBetween val="between"/>
        <c:majorUnit val="5"/>
      </c:valAx>
      <c:spPr>
        <a:noFill/>
        <a:ln>
          <a:noFill/>
        </a:ln>
        <a:effectLst/>
      </c:spPr>
    </c:plotArea>
    <c:legend>
      <c:legendPos val="b"/>
      <c:legendEntry>
        <c:idx val="0"/>
        <c:txPr>
          <a:bodyPr rot="0" spcFirstLastPara="1" vertOverflow="ellipsis" vert="horz" wrap="square" anchor="ctr" anchorCtr="1"/>
          <a:lstStyle/>
          <a:p>
            <a:pPr>
              <a:defRPr lang="ja-JP" sz="1197"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legendEntry>
      <c:legendEntry>
        <c:idx val="1"/>
        <c:txPr>
          <a:bodyPr rot="0" spcFirstLastPara="1" vertOverflow="ellipsis" vert="horz" wrap="square" anchor="ctr" anchorCtr="1"/>
          <a:lstStyle/>
          <a:p>
            <a:pPr>
              <a:defRPr lang="ja-JP" sz="1197"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legendEntry>
      <c:legendEntry>
        <c:idx val="2"/>
        <c:txPr>
          <a:bodyPr rot="0" spcFirstLastPara="1" vertOverflow="ellipsis" vert="horz" wrap="square" anchor="ctr" anchorCtr="1"/>
          <a:lstStyle/>
          <a:p>
            <a:pPr>
              <a:defRPr lang="ja-JP" sz="1197"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legendEntry>
      <c:layout>
        <c:manualLayout>
          <c:xMode val="edge"/>
          <c:yMode val="edge"/>
          <c:x val="0.21612959670363785"/>
          <c:y val="0.14885127434728554"/>
          <c:w val="0.67474684616035885"/>
          <c:h val="8.2751990746108062E-2"/>
        </c:manualLayout>
      </c:layout>
      <c:overlay val="0"/>
      <c:spPr>
        <a:noFill/>
        <a:ln>
          <a:noFill/>
        </a:ln>
        <a:effectLst/>
      </c:spPr>
      <c:txPr>
        <a:bodyPr rot="0" spcFirstLastPara="1" vertOverflow="ellipsis" vert="horz" wrap="square" anchor="ctr" anchorCtr="1"/>
        <a:lstStyle/>
        <a:p>
          <a:pPr>
            <a:defRPr lang="ja-JP" sz="1197" b="1" i="0" u="none" strike="noStrike" kern="1200" baseline="0">
              <a:solidFill>
                <a:schemeClr val="tx1"/>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a:noFill/>
    </a:ln>
    <a:effectLst/>
  </c:spPr>
  <c:txPr>
    <a:bodyPr/>
    <a:lstStyle/>
    <a:p>
      <a:pPr>
        <a:defRPr/>
      </a:pPr>
      <a:endParaRPr lang="en-US"/>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0" i="0" u="none" strike="noStrike" kern="1200" spc="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b="1" dirty="0">
                <a:solidFill>
                  <a:srgbClr val="C00000"/>
                </a:solidFill>
              </a:rPr>
              <a:t>East Asia</a:t>
            </a:r>
          </a:p>
        </c:rich>
      </c:tx>
      <c:layout>
        <c:manualLayout>
          <c:xMode val="edge"/>
          <c:yMode val="edge"/>
          <c:x val="1.7785311558277436E-2"/>
          <c:y val="1.5625E-2"/>
        </c:manualLayout>
      </c:layout>
      <c:overlay val="0"/>
      <c:spPr>
        <a:noFill/>
        <a:ln>
          <a:noFill/>
        </a:ln>
        <a:effectLst/>
      </c:spPr>
      <c:txPr>
        <a:bodyPr rot="0" spcFirstLastPara="1" vertOverflow="ellipsis" vert="horz" wrap="square" anchor="ctr" anchorCtr="1"/>
        <a:lstStyle/>
        <a:p>
          <a:pPr>
            <a:defRPr sz="1862" b="0" i="0" u="none" strike="noStrike" kern="1200" spc="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autoTitleDeleted val="0"/>
    <c:plotArea>
      <c:layout>
        <c:manualLayout>
          <c:layoutTarget val="inner"/>
          <c:xMode val="edge"/>
          <c:yMode val="edge"/>
          <c:x val="0.11287188320209973"/>
          <c:y val="0.23760949803149611"/>
          <c:w val="0.85008825459317583"/>
          <c:h val="0.61291043307086601"/>
        </c:manualLayout>
      </c:layout>
      <c:lineChart>
        <c:grouping val="standard"/>
        <c:varyColors val="0"/>
        <c:ser>
          <c:idx val="0"/>
          <c:order val="0"/>
          <c:tx>
            <c:strRef>
              <c:f>Sheet1!$B$1</c:f>
              <c:strCache>
                <c:ptCount val="1"/>
                <c:pt idx="0">
                  <c:v>People's Republic of China</c:v>
                </c:pt>
              </c:strCache>
            </c:strRef>
          </c:tx>
          <c:spPr>
            <a:ln w="28575" cap="rnd">
              <a:solidFill>
                <a:srgbClr val="0070C0"/>
              </a:solidFill>
              <a:round/>
            </a:ln>
            <a:effectLst/>
          </c:spPr>
          <c:marker>
            <c:symbol val="none"/>
          </c:marker>
          <c:cat>
            <c:strRef>
              <c:f>Sheet1!$A$2:$A$27</c:f>
              <c:strCache>
                <c:ptCount val="26"/>
                <c:pt idx="0">
                  <c:v>Jan 2016</c:v>
                </c:pt>
                <c:pt idx="6">
                  <c:v>Jul</c:v>
                </c:pt>
                <c:pt idx="12">
                  <c:v>Jan 2017</c:v>
                </c:pt>
                <c:pt idx="18">
                  <c:v>Jul</c:v>
                </c:pt>
                <c:pt idx="25">
                  <c:v>Jan-18</c:v>
                </c:pt>
              </c:strCache>
            </c:strRef>
          </c:cat>
          <c:val>
            <c:numRef>
              <c:f>Sheet1!$B$2:$B$27</c:f>
              <c:numCache>
                <c:formatCode>General</c:formatCode>
                <c:ptCount val="26"/>
                <c:pt idx="0">
                  <c:v>-1.608325449385049</c:v>
                </c:pt>
                <c:pt idx="1">
                  <c:v>-4.9180327868852345</c:v>
                </c:pt>
                <c:pt idx="2">
                  <c:v>-6.6293183940242812</c:v>
                </c:pt>
                <c:pt idx="3">
                  <c:v>-6.1338289962825172</c:v>
                </c:pt>
                <c:pt idx="4">
                  <c:v>-9.1901728844404005</c:v>
                </c:pt>
                <c:pt idx="5">
                  <c:v>-2.5014212620807257</c:v>
                </c:pt>
                <c:pt idx="6">
                  <c:v>2.2205206738131551</c:v>
                </c:pt>
                <c:pt idx="7">
                  <c:v>1.538461538461533</c:v>
                </c:pt>
                <c:pt idx="8">
                  <c:v>-0.94696969696970257</c:v>
                </c:pt>
                <c:pt idx="9">
                  <c:v>3.2755298651252502</c:v>
                </c:pt>
                <c:pt idx="10">
                  <c:v>4.3227665706051965</c:v>
                </c:pt>
                <c:pt idx="11">
                  <c:v>4.5323047251687711</c:v>
                </c:pt>
                <c:pt idx="12">
                  <c:v>5</c:v>
                </c:pt>
                <c:pt idx="13">
                  <c:v>7.8544061302682024</c:v>
                </c:pt>
                <c:pt idx="14">
                  <c:v>11.000000000000014</c:v>
                </c:pt>
                <c:pt idx="15">
                  <c:v>12.277227722772295</c:v>
                </c:pt>
                <c:pt idx="16">
                  <c:v>12.224448897795597</c:v>
                </c:pt>
                <c:pt idx="17">
                  <c:v>10.106899902818256</c:v>
                </c:pt>
                <c:pt idx="18">
                  <c:v>7.3033707865168651</c:v>
                </c:pt>
                <c:pt idx="19">
                  <c:v>8.6174242424242493</c:v>
                </c:pt>
                <c:pt idx="20">
                  <c:v>13.384321223709364</c:v>
                </c:pt>
                <c:pt idx="21">
                  <c:v>15.578358208955237</c:v>
                </c:pt>
                <c:pt idx="22">
                  <c:v>11.694290976058937</c:v>
                </c:pt>
                <c:pt idx="23">
                  <c:v>13.099630996309955</c:v>
                </c:pt>
                <c:pt idx="24">
                  <c:v>11.996336996336993</c:v>
                </c:pt>
              </c:numCache>
            </c:numRef>
          </c:val>
          <c:smooth val="0"/>
          <c:extLst>
            <c:ext xmlns:c16="http://schemas.microsoft.com/office/drawing/2014/chart" uri="{C3380CC4-5D6E-409C-BE32-E72D297353CC}">
              <c16:uniqueId val="{00000000-30D2-41CB-BD7C-4D4946F239EE}"/>
            </c:ext>
          </c:extLst>
        </c:ser>
        <c:ser>
          <c:idx val="1"/>
          <c:order val="1"/>
          <c:tx>
            <c:strRef>
              <c:f>Sheet1!$C$1</c:f>
              <c:strCache>
                <c:ptCount val="1"/>
                <c:pt idx="0">
                  <c:v>Hong Kong, China</c:v>
                </c:pt>
              </c:strCache>
            </c:strRef>
          </c:tx>
          <c:spPr>
            <a:ln w="28575" cap="rnd">
              <a:solidFill>
                <a:schemeClr val="accent2"/>
              </a:solidFill>
              <a:round/>
            </a:ln>
            <a:effectLst/>
          </c:spPr>
          <c:marker>
            <c:symbol val="none"/>
          </c:marker>
          <c:cat>
            <c:strRef>
              <c:f>Sheet1!$A$2:$A$27</c:f>
              <c:strCache>
                <c:ptCount val="26"/>
                <c:pt idx="0">
                  <c:v>Jan 2016</c:v>
                </c:pt>
                <c:pt idx="6">
                  <c:v>Jul</c:v>
                </c:pt>
                <c:pt idx="12">
                  <c:v>Jan 2017</c:v>
                </c:pt>
                <c:pt idx="18">
                  <c:v>Jul</c:v>
                </c:pt>
                <c:pt idx="25">
                  <c:v>Jan-18</c:v>
                </c:pt>
              </c:strCache>
            </c:strRef>
          </c:cat>
          <c:val>
            <c:numRef>
              <c:f>Sheet1!$C$2:$C$27</c:f>
              <c:numCache>
                <c:formatCode>General</c:formatCode>
                <c:ptCount val="26"/>
                <c:pt idx="0">
                  <c:v>#N/A</c:v>
                </c:pt>
                <c:pt idx="1">
                  <c:v>#N/A</c:v>
                </c:pt>
                <c:pt idx="2">
                  <c:v>-4.1884816753926799</c:v>
                </c:pt>
                <c:pt idx="3">
                  <c:v>#N/A</c:v>
                </c:pt>
                <c:pt idx="4">
                  <c:v>#N/A</c:v>
                </c:pt>
                <c:pt idx="5">
                  <c:v>-11.168164313222078</c:v>
                </c:pt>
                <c:pt idx="6">
                  <c:v>#N/A</c:v>
                </c:pt>
                <c:pt idx="7">
                  <c:v>#N/A</c:v>
                </c:pt>
                <c:pt idx="8">
                  <c:v>-0.79681274900397625</c:v>
                </c:pt>
                <c:pt idx="9">
                  <c:v>#N/A</c:v>
                </c:pt>
                <c:pt idx="10">
                  <c:v>#N/A</c:v>
                </c:pt>
                <c:pt idx="11">
                  <c:v>4.1554959785522954</c:v>
                </c:pt>
                <c:pt idx="12">
                  <c:v>#N/A</c:v>
                </c:pt>
                <c:pt idx="13">
                  <c:v>#N/A</c:v>
                </c:pt>
                <c:pt idx="14">
                  <c:v>12.568306010928978</c:v>
                </c:pt>
                <c:pt idx="15">
                  <c:v>#N/A</c:v>
                </c:pt>
                <c:pt idx="16">
                  <c:v>#N/A</c:v>
                </c:pt>
                <c:pt idx="17">
                  <c:v>16.473988439306339</c:v>
                </c:pt>
                <c:pt idx="18">
                  <c:v>#N/A</c:v>
                </c:pt>
                <c:pt idx="19">
                  <c:v>#N/A</c:v>
                </c:pt>
                <c:pt idx="20">
                  <c:v>9.9062918340026727</c:v>
                </c:pt>
                <c:pt idx="21">
                  <c:v>#N/A</c:v>
                </c:pt>
                <c:pt idx="22">
                  <c:v>#N/A</c:v>
                </c:pt>
              </c:numCache>
            </c:numRef>
          </c:val>
          <c:smooth val="0"/>
          <c:extLst>
            <c:ext xmlns:c16="http://schemas.microsoft.com/office/drawing/2014/chart" uri="{C3380CC4-5D6E-409C-BE32-E72D297353CC}">
              <c16:uniqueId val="{00000001-30D2-41CB-BD7C-4D4946F239EE}"/>
            </c:ext>
          </c:extLst>
        </c:ser>
        <c:ser>
          <c:idx val="2"/>
          <c:order val="2"/>
          <c:tx>
            <c:strRef>
              <c:f>Sheet1!$D$1</c:f>
              <c:strCache>
                <c:ptCount val="1"/>
                <c:pt idx="0">
                  <c:v>Republic of Korea</c:v>
                </c:pt>
              </c:strCache>
            </c:strRef>
          </c:tx>
          <c:spPr>
            <a:ln w="28575" cap="rnd">
              <a:solidFill>
                <a:srgbClr val="92D050"/>
              </a:solidFill>
              <a:round/>
            </a:ln>
            <a:effectLst/>
          </c:spPr>
          <c:marker>
            <c:symbol val="none"/>
          </c:marker>
          <c:cat>
            <c:strRef>
              <c:f>Sheet1!$A$2:$A$27</c:f>
              <c:strCache>
                <c:ptCount val="26"/>
                <c:pt idx="0">
                  <c:v>Jan 2016</c:v>
                </c:pt>
                <c:pt idx="6">
                  <c:v>Jul</c:v>
                </c:pt>
                <c:pt idx="12">
                  <c:v>Jan 2017</c:v>
                </c:pt>
                <c:pt idx="18">
                  <c:v>Jul</c:v>
                </c:pt>
                <c:pt idx="25">
                  <c:v>Jan-18</c:v>
                </c:pt>
              </c:strCache>
            </c:strRef>
          </c:cat>
          <c:val>
            <c:numRef>
              <c:f>Sheet1!$D$2:$D$27</c:f>
              <c:numCache>
                <c:formatCode>General</c:formatCode>
                <c:ptCount val="26"/>
                <c:pt idx="0">
                  <c:v>-2.3506366307541526</c:v>
                </c:pt>
                <c:pt idx="1">
                  <c:v>-5.1556420233463029</c:v>
                </c:pt>
                <c:pt idx="2">
                  <c:v>-1.3861386138613909</c:v>
                </c:pt>
                <c:pt idx="3">
                  <c:v>-2.3166023166023137</c:v>
                </c:pt>
                <c:pt idx="4">
                  <c:v>-5.8150619637750367</c:v>
                </c:pt>
                <c:pt idx="5">
                  <c:v>0.40816326530612912</c:v>
                </c:pt>
                <c:pt idx="6">
                  <c:v>0.70070070070069335</c:v>
                </c:pt>
                <c:pt idx="7">
                  <c:v>0.29644268774701743</c:v>
                </c:pt>
                <c:pt idx="8">
                  <c:v>-0.87976539589440961</c:v>
                </c:pt>
                <c:pt idx="9">
                  <c:v>-2.8653295128939931</c:v>
                </c:pt>
                <c:pt idx="10" formatCode="#,##0.0">
                  <c:v>-9.5825426944971639</c:v>
                </c:pt>
                <c:pt idx="11" formatCode="#,##0.0">
                  <c:v>-8.4148727984344447</c:v>
                </c:pt>
                <c:pt idx="12">
                  <c:v>-6.9207622868605796</c:v>
                </c:pt>
                <c:pt idx="13">
                  <c:v>-3.6923076923076792</c:v>
                </c:pt>
                <c:pt idx="14">
                  <c:v>-3.3132530120481931</c:v>
                </c:pt>
                <c:pt idx="15">
                  <c:v>-0.39525691699606114</c:v>
                </c:pt>
                <c:pt idx="16">
                  <c:v>9.0080971659919129</c:v>
                </c:pt>
                <c:pt idx="17">
                  <c:v>12.601626016260155</c:v>
                </c:pt>
                <c:pt idx="18">
                  <c:v>10.238568588469192</c:v>
                </c:pt>
                <c:pt idx="19">
                  <c:v>7.9802955665024626</c:v>
                </c:pt>
                <c:pt idx="20">
                  <c:v>5.9171597633136201</c:v>
                </c:pt>
                <c:pt idx="21">
                  <c:v>7.0796460176991332</c:v>
                </c:pt>
                <c:pt idx="22">
                  <c:v>17.523609653725075</c:v>
                </c:pt>
                <c:pt idx="23">
                  <c:v>18.162393162393158</c:v>
                </c:pt>
                <c:pt idx="24">
                  <c:v>18.426724137931046</c:v>
                </c:pt>
                <c:pt idx="25">
                  <c:v>15.228966986155484</c:v>
                </c:pt>
              </c:numCache>
            </c:numRef>
          </c:val>
          <c:smooth val="0"/>
          <c:extLst>
            <c:ext xmlns:c16="http://schemas.microsoft.com/office/drawing/2014/chart" uri="{C3380CC4-5D6E-409C-BE32-E72D297353CC}">
              <c16:uniqueId val="{00000002-30D2-41CB-BD7C-4D4946F239EE}"/>
            </c:ext>
          </c:extLst>
        </c:ser>
        <c:ser>
          <c:idx val="3"/>
          <c:order val="3"/>
          <c:tx>
            <c:strRef>
              <c:f>Sheet1!$E$1</c:f>
              <c:strCache>
                <c:ptCount val="1"/>
                <c:pt idx="0">
                  <c:v>Taipei,China</c:v>
                </c:pt>
              </c:strCache>
            </c:strRef>
          </c:tx>
          <c:spPr>
            <a:ln w="28575" cap="rnd">
              <a:solidFill>
                <a:srgbClr val="7030A0"/>
              </a:solidFill>
              <a:round/>
            </a:ln>
            <a:effectLst/>
          </c:spPr>
          <c:marker>
            <c:symbol val="none"/>
          </c:marker>
          <c:cat>
            <c:strRef>
              <c:f>Sheet1!$A$2:$A$27</c:f>
              <c:strCache>
                <c:ptCount val="26"/>
                <c:pt idx="0">
                  <c:v>Jan 2016</c:v>
                </c:pt>
                <c:pt idx="6">
                  <c:v>Jul</c:v>
                </c:pt>
                <c:pt idx="12">
                  <c:v>Jan 2017</c:v>
                </c:pt>
                <c:pt idx="18">
                  <c:v>Jul</c:v>
                </c:pt>
                <c:pt idx="25">
                  <c:v>Jan-18</c:v>
                </c:pt>
              </c:strCache>
            </c:strRef>
          </c:cat>
          <c:val>
            <c:numRef>
              <c:f>Sheet1!$E$2:$E$27</c:f>
              <c:numCache>
                <c:formatCode>General</c:formatCode>
                <c:ptCount val="26"/>
                <c:pt idx="0">
                  <c:v>-8.3191658166156657</c:v>
                </c:pt>
                <c:pt idx="1">
                  <c:v>-8.2177996422182389</c:v>
                </c:pt>
                <c:pt idx="2">
                  <c:v>-10.742894765719285</c:v>
                </c:pt>
                <c:pt idx="3">
                  <c:v>-13.515549338211557</c:v>
                </c:pt>
                <c:pt idx="4">
                  <c:v>-12.898297686599747</c:v>
                </c:pt>
                <c:pt idx="5">
                  <c:v>-13.490836829322149</c:v>
                </c:pt>
                <c:pt idx="6">
                  <c:v>-10.493413708417037</c:v>
                </c:pt>
                <c:pt idx="7">
                  <c:v>-7.6494486360998337</c:v>
                </c:pt>
                <c:pt idx="8">
                  <c:v>-7.8059071729957736</c:v>
                </c:pt>
                <c:pt idx="9">
                  <c:v>-6.6784869976359289</c:v>
                </c:pt>
                <c:pt idx="10" formatCode="0.0">
                  <c:v>-7.7078384798099933</c:v>
                </c:pt>
                <c:pt idx="11" formatCode="0.0">
                  <c:v>-5.3792427398603166</c:v>
                </c:pt>
                <c:pt idx="12">
                  <c:v>-8.0850537767338437</c:v>
                </c:pt>
                <c:pt idx="13">
                  <c:v>-5.4330612742112407</c:v>
                </c:pt>
                <c:pt idx="14">
                  <c:v>-3.9586919104991409</c:v>
                </c:pt>
                <c:pt idx="15">
                  <c:v>-2.7000124424536551</c:v>
                </c:pt>
                <c:pt idx="16">
                  <c:v>-2.1423202204961029</c:v>
                </c:pt>
                <c:pt idx="17">
                  <c:v>-0.76569678407349784</c:v>
                </c:pt>
                <c:pt idx="18">
                  <c:v>-2.4819156896981838</c:v>
                </c:pt>
                <c:pt idx="19">
                  <c:v>0.49019607843136725</c:v>
                </c:pt>
                <c:pt idx="20">
                  <c:v>4.5003813882532597</c:v>
                </c:pt>
                <c:pt idx="21">
                  <c:v>5.5604813172894296</c:v>
                </c:pt>
                <c:pt idx="22">
                  <c:v>10.873761420666582</c:v>
                </c:pt>
                <c:pt idx="23">
                  <c:v>11.434861434861432</c:v>
                </c:pt>
                <c:pt idx="24">
                  <c:v>17.942165433759257</c:v>
                </c:pt>
                <c:pt idx="25">
                  <c:v>12.559577482931857</c:v>
                </c:pt>
              </c:numCache>
            </c:numRef>
          </c:val>
          <c:smooth val="0"/>
          <c:extLst>
            <c:ext xmlns:c16="http://schemas.microsoft.com/office/drawing/2014/chart" uri="{C3380CC4-5D6E-409C-BE32-E72D297353CC}">
              <c16:uniqueId val="{00000003-30D2-41CB-BD7C-4D4946F239EE}"/>
            </c:ext>
          </c:extLst>
        </c:ser>
        <c:dLbls>
          <c:showLegendKey val="0"/>
          <c:showVal val="0"/>
          <c:showCatName val="0"/>
          <c:showSerName val="0"/>
          <c:showPercent val="0"/>
          <c:showBubbleSize val="0"/>
        </c:dLbls>
        <c:smooth val="0"/>
        <c:axId val="849576544"/>
        <c:axId val="849576936"/>
      </c:lineChart>
      <c:catAx>
        <c:axId val="849576544"/>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849576936"/>
        <c:crosses val="autoZero"/>
        <c:auto val="1"/>
        <c:lblAlgn val="ctr"/>
        <c:lblOffset val="100"/>
        <c:noMultiLvlLbl val="0"/>
      </c:catAx>
      <c:valAx>
        <c:axId val="849576936"/>
        <c:scaling>
          <c:orientation val="minMax"/>
        </c:scaling>
        <c:delete val="0"/>
        <c:axPos val="l"/>
        <c:title>
          <c:tx>
            <c:rich>
              <a:bodyPr rot="0" spcFirstLastPara="1" vertOverflow="ellipsis" wrap="square" anchor="ctr" anchorCtr="1"/>
              <a:lstStyle/>
              <a:p>
                <a:pPr algn="l">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000"/>
                  <a:t>Year-on-year change, %</a:t>
                </a:r>
              </a:p>
            </c:rich>
          </c:tx>
          <c:layout>
            <c:manualLayout>
              <c:xMode val="edge"/>
              <c:yMode val="edge"/>
              <c:x val="3.2407407407407406E-3"/>
              <c:y val="0.10739271653543307"/>
            </c:manualLayout>
          </c:layout>
          <c:overlay val="0"/>
          <c:spPr>
            <a:noFill/>
            <a:ln>
              <a:noFill/>
            </a:ln>
            <a:effectLst/>
          </c:spPr>
          <c:txPr>
            <a:bodyPr rot="0" spcFirstLastPara="1" vertOverflow="ellipsis" wrap="square" anchor="ctr" anchorCtr="1"/>
            <a:lstStyle/>
            <a:p>
              <a:pPr algn="l">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849576544"/>
        <c:crosses val="autoZero"/>
        <c:crossBetween val="between"/>
        <c:majorUnit val="8"/>
      </c:valAx>
      <c:spPr>
        <a:noFill/>
        <a:ln>
          <a:noFill/>
        </a:ln>
        <a:effectLst/>
      </c:spPr>
    </c:plotArea>
    <c:legend>
      <c:legendPos val="t"/>
      <c:layout>
        <c:manualLayout>
          <c:xMode val="edge"/>
          <c:yMode val="edge"/>
          <c:x val="0.24473777583357637"/>
          <c:y val="8.0406249999999985E-2"/>
          <c:w val="0.74023129921259845"/>
          <c:h val="0.19653690944881894"/>
        </c:manualLayout>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a:noFill/>
    </a:ln>
    <a:effectLst/>
  </c:spPr>
  <c:txPr>
    <a:bodyPr/>
    <a:lstStyle/>
    <a:p>
      <a:pPr>
        <a:defRPr>
          <a:latin typeface="Arial" panose="020B0604020202020204" pitchFamily="34" charset="0"/>
          <a:cs typeface="Arial" panose="020B0604020202020204" pitchFamily="34" charset="0"/>
        </a:defRPr>
      </a:pPr>
      <a:endParaRPr lang="en-US"/>
    </a:p>
  </c:txPr>
  <c:externalData r:id="rId3">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rot="0" spcFirstLastPara="1" vertOverflow="ellipsis" vert="horz" wrap="square" anchor="ctr" anchorCtr="1"/>
          <a:lstStyle/>
          <a:p>
            <a:pPr>
              <a:defRPr sz="1862" b="0" i="0" u="none" strike="noStrike" kern="1200" spc="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b="1" dirty="0">
                <a:solidFill>
                  <a:srgbClr val="C00000"/>
                </a:solidFill>
              </a:rPr>
              <a:t>Southeast Asia</a:t>
            </a:r>
          </a:p>
        </c:rich>
      </c:tx>
      <c:layout>
        <c:manualLayout>
          <c:xMode val="edge"/>
          <c:yMode val="edge"/>
          <c:x val="1.7785311558277436E-2"/>
          <c:y val="1.5625E-2"/>
        </c:manualLayout>
      </c:layout>
      <c:overlay val="0"/>
      <c:spPr>
        <a:noFill/>
        <a:ln>
          <a:noFill/>
        </a:ln>
        <a:effectLst/>
      </c:spPr>
      <c:txPr>
        <a:bodyPr rot="0" spcFirstLastPara="1" vertOverflow="ellipsis" vert="horz" wrap="square" anchor="ctr" anchorCtr="1"/>
        <a:lstStyle/>
        <a:p>
          <a:pPr>
            <a:defRPr sz="1862" b="0" i="0" u="none" strike="noStrike" kern="1200" spc="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autoTitleDeleted val="0"/>
    <c:plotArea>
      <c:layout>
        <c:manualLayout>
          <c:layoutTarget val="inner"/>
          <c:xMode val="edge"/>
          <c:yMode val="edge"/>
          <c:x val="0.11287188320209973"/>
          <c:y val="0.23760949803149611"/>
          <c:w val="0.85008825459317583"/>
          <c:h val="0.61291043307086601"/>
        </c:manualLayout>
      </c:layout>
      <c:lineChart>
        <c:grouping val="standard"/>
        <c:varyColors val="0"/>
        <c:ser>
          <c:idx val="0"/>
          <c:order val="0"/>
          <c:tx>
            <c:strRef>
              <c:f>Sheet1!$B$1</c:f>
              <c:strCache>
                <c:ptCount val="1"/>
                <c:pt idx="0">
                  <c:v>Indonesia</c:v>
                </c:pt>
              </c:strCache>
            </c:strRef>
          </c:tx>
          <c:spPr>
            <a:ln w="28575" cap="rnd">
              <a:solidFill>
                <a:srgbClr val="0070C0"/>
              </a:solidFill>
              <a:round/>
            </a:ln>
            <a:effectLst/>
          </c:spPr>
          <c:marker>
            <c:symbol val="none"/>
          </c:marker>
          <c:cat>
            <c:strRef>
              <c:f>Sheet1!$A$2:$A$27</c:f>
              <c:strCache>
                <c:ptCount val="26"/>
                <c:pt idx="0">
                  <c:v>Jan 2016</c:v>
                </c:pt>
                <c:pt idx="6">
                  <c:v>Jul</c:v>
                </c:pt>
                <c:pt idx="12">
                  <c:v>Jan 2017</c:v>
                </c:pt>
                <c:pt idx="18">
                  <c:v>Jul</c:v>
                </c:pt>
                <c:pt idx="25">
                  <c:v>Jan-18</c:v>
                </c:pt>
              </c:strCache>
            </c:strRef>
          </c:cat>
          <c:val>
            <c:numRef>
              <c:f>Sheet1!$B$2:$B$27</c:f>
              <c:numCache>
                <c:formatCode>General</c:formatCode>
                <c:ptCount val="26"/>
                <c:pt idx="0">
                  <c:v>-6.2982398737888587</c:v>
                </c:pt>
                <c:pt idx="1">
                  <c:v>-8.5268142645842175</c:v>
                </c:pt>
                <c:pt idx="2">
                  <c:v>-6.0046080753888589</c:v>
                </c:pt>
                <c:pt idx="3">
                  <c:v>1.4349167339971842</c:v>
                </c:pt>
                <c:pt idx="4">
                  <c:v>-0.63331976847462101</c:v>
                </c:pt>
                <c:pt idx="5">
                  <c:v>2.1289138643947751</c:v>
                </c:pt>
                <c:pt idx="6">
                  <c:v>3.8901491723939188</c:v>
                </c:pt>
                <c:pt idx="7">
                  <c:v>0.63037397429017972</c:v>
                </c:pt>
                <c:pt idx="8">
                  <c:v>12.832199149292407</c:v>
                </c:pt>
                <c:pt idx="9">
                  <c:v>17.604069525456879</c:v>
                </c:pt>
                <c:pt idx="10">
                  <c:v>11.771407791701279</c:v>
                </c:pt>
                <c:pt idx="11">
                  <c:v>7.3425392478162053</c:v>
                </c:pt>
                <c:pt idx="12">
                  <c:v>2.4002601121205771</c:v>
                </c:pt>
                <c:pt idx="13">
                  <c:v>6.5083847406371547</c:v>
                </c:pt>
                <c:pt idx="14">
                  <c:v>10.6466494390327</c:v>
                </c:pt>
                <c:pt idx="15">
                  <c:v>13.51328529144233</c:v>
                </c:pt>
                <c:pt idx="16">
                  <c:v>12.363491016101875</c:v>
                </c:pt>
                <c:pt idx="17">
                  <c:v>7.6011055172080972</c:v>
                </c:pt>
                <c:pt idx="18">
                  <c:v>8.0807408974037997</c:v>
                </c:pt>
                <c:pt idx="19">
                  <c:v>7.5334740220130527</c:v>
                </c:pt>
                <c:pt idx="20">
                  <c:v>12.514286534225974</c:v>
                </c:pt>
                <c:pt idx="21">
                  <c:v>3.3177439734901668</c:v>
                </c:pt>
                <c:pt idx="22">
                  <c:v>5.4124860167340358</c:v>
                </c:pt>
                <c:pt idx="23">
                  <c:v>9.4799363899726927</c:v>
                </c:pt>
                <c:pt idx="24">
                  <c:v>9.3365099229055772</c:v>
                </c:pt>
                <c:pt idx="25">
                  <c:v>4.5798305944599207</c:v>
                </c:pt>
              </c:numCache>
            </c:numRef>
          </c:val>
          <c:smooth val="0"/>
          <c:extLst>
            <c:ext xmlns:c16="http://schemas.microsoft.com/office/drawing/2014/chart" uri="{C3380CC4-5D6E-409C-BE32-E72D297353CC}">
              <c16:uniqueId val="{00000000-2ADF-426D-9ABE-7C81CAAB3B61}"/>
            </c:ext>
          </c:extLst>
        </c:ser>
        <c:ser>
          <c:idx val="1"/>
          <c:order val="1"/>
          <c:tx>
            <c:strRef>
              <c:f>Sheet1!$C$1</c:f>
              <c:strCache>
                <c:ptCount val="1"/>
                <c:pt idx="0">
                  <c:v>Malaysia</c:v>
                </c:pt>
              </c:strCache>
            </c:strRef>
          </c:tx>
          <c:spPr>
            <a:ln w="28575" cap="rnd">
              <a:solidFill>
                <a:schemeClr val="accent2"/>
              </a:solidFill>
              <a:round/>
            </a:ln>
            <a:effectLst/>
          </c:spPr>
          <c:marker>
            <c:symbol val="none"/>
          </c:marker>
          <c:cat>
            <c:strRef>
              <c:f>Sheet1!$A$2:$A$27</c:f>
              <c:strCache>
                <c:ptCount val="26"/>
                <c:pt idx="0">
                  <c:v>Jan 2016</c:v>
                </c:pt>
                <c:pt idx="6">
                  <c:v>Jul</c:v>
                </c:pt>
                <c:pt idx="12">
                  <c:v>Jan 2017</c:v>
                </c:pt>
                <c:pt idx="18">
                  <c:v>Jul</c:v>
                </c:pt>
                <c:pt idx="25">
                  <c:v>Jan-18</c:v>
                </c:pt>
              </c:strCache>
            </c:strRef>
          </c:cat>
          <c:val>
            <c:numRef>
              <c:f>Sheet1!$C$2:$C$27</c:f>
              <c:numCache>
                <c:formatCode>General</c:formatCode>
                <c:ptCount val="26"/>
                <c:pt idx="0">
                  <c:v>#N/A</c:v>
                </c:pt>
                <c:pt idx="1">
                  <c:v>#N/A</c:v>
                </c:pt>
                <c:pt idx="2">
                  <c:v>0.41322314049587305</c:v>
                </c:pt>
                <c:pt idx="3">
                  <c:v>#N/A</c:v>
                </c:pt>
                <c:pt idx="4">
                  <c:v>#N/A</c:v>
                </c:pt>
                <c:pt idx="5">
                  <c:v>9.4839609483961027</c:v>
                </c:pt>
                <c:pt idx="6">
                  <c:v>#N/A</c:v>
                </c:pt>
                <c:pt idx="7">
                  <c:v>#N/A</c:v>
                </c:pt>
                <c:pt idx="8">
                  <c:v>4.8433048433048356</c:v>
                </c:pt>
                <c:pt idx="9">
                  <c:v>#N/A</c:v>
                </c:pt>
                <c:pt idx="10">
                  <c:v>#N/A</c:v>
                </c:pt>
                <c:pt idx="11">
                  <c:v>9.4043887147335425</c:v>
                </c:pt>
                <c:pt idx="12">
                  <c:v>#N/A</c:v>
                </c:pt>
                <c:pt idx="13">
                  <c:v>#N/A</c:v>
                </c:pt>
                <c:pt idx="14">
                  <c:v>5.0754458161865301</c:v>
                </c:pt>
                <c:pt idx="15">
                  <c:v>#N/A</c:v>
                </c:pt>
                <c:pt idx="16">
                  <c:v>#N/A</c:v>
                </c:pt>
                <c:pt idx="17">
                  <c:v>2.8025477707006416</c:v>
                </c:pt>
                <c:pt idx="18">
                  <c:v>#N/A</c:v>
                </c:pt>
                <c:pt idx="19">
                  <c:v>#N/A</c:v>
                </c:pt>
                <c:pt idx="20">
                  <c:v>4.7554347826086882</c:v>
                </c:pt>
                <c:pt idx="21">
                  <c:v>#N/A</c:v>
                </c:pt>
                <c:pt idx="22">
                  <c:v>#N/A</c:v>
                </c:pt>
                <c:pt idx="23">
                  <c:v>18.338108882521496</c:v>
                </c:pt>
                <c:pt idx="24">
                  <c:v>#N/A</c:v>
                </c:pt>
                <c:pt idx="25">
                  <c:v>#N/A</c:v>
                </c:pt>
              </c:numCache>
            </c:numRef>
          </c:val>
          <c:smooth val="0"/>
          <c:extLst>
            <c:ext xmlns:c16="http://schemas.microsoft.com/office/drawing/2014/chart" uri="{C3380CC4-5D6E-409C-BE32-E72D297353CC}">
              <c16:uniqueId val="{00000001-2ADF-426D-9ABE-7C81CAAB3B61}"/>
            </c:ext>
          </c:extLst>
        </c:ser>
        <c:ser>
          <c:idx val="2"/>
          <c:order val="2"/>
          <c:tx>
            <c:strRef>
              <c:f>Sheet1!$D$1</c:f>
              <c:strCache>
                <c:ptCount val="1"/>
                <c:pt idx="0">
                  <c:v>Thailand</c:v>
                </c:pt>
              </c:strCache>
            </c:strRef>
          </c:tx>
          <c:spPr>
            <a:ln w="28575" cap="rnd">
              <a:solidFill>
                <a:srgbClr val="92D050"/>
              </a:solidFill>
              <a:round/>
            </a:ln>
            <a:effectLst/>
          </c:spPr>
          <c:marker>
            <c:symbol val="none"/>
          </c:marker>
          <c:cat>
            <c:strRef>
              <c:f>Sheet1!$A$2:$A$27</c:f>
              <c:strCache>
                <c:ptCount val="26"/>
                <c:pt idx="0">
                  <c:v>Jan 2016</c:v>
                </c:pt>
                <c:pt idx="6">
                  <c:v>Jul</c:v>
                </c:pt>
                <c:pt idx="12">
                  <c:v>Jan 2017</c:v>
                </c:pt>
                <c:pt idx="18">
                  <c:v>Jul</c:v>
                </c:pt>
                <c:pt idx="25">
                  <c:v>Jan-18</c:v>
                </c:pt>
              </c:strCache>
            </c:strRef>
          </c:cat>
          <c:val>
            <c:numRef>
              <c:f>Sheet1!$D$2:$D$27</c:f>
              <c:numCache>
                <c:formatCode>General</c:formatCode>
                <c:ptCount val="26"/>
                <c:pt idx="0">
                  <c:v>-6.0945273631840848</c:v>
                </c:pt>
                <c:pt idx="1">
                  <c:v>-5.5625790139064293</c:v>
                </c:pt>
                <c:pt idx="2">
                  <c:v>-5.4054054054054035</c:v>
                </c:pt>
                <c:pt idx="3">
                  <c:v>-5.0913838120104344</c:v>
                </c:pt>
                <c:pt idx="4">
                  <c:v>-3.9682539682539613</c:v>
                </c:pt>
                <c:pt idx="5">
                  <c:v>-3.76344086021507</c:v>
                </c:pt>
                <c:pt idx="6">
                  <c:v>-1.2261580381471475</c:v>
                </c:pt>
                <c:pt idx="7">
                  <c:v>1.2448132780083228</c:v>
                </c:pt>
                <c:pt idx="8">
                  <c:v>2.9126213592233228</c:v>
                </c:pt>
                <c:pt idx="9">
                  <c:v>-0.40871934604905391</c:v>
                </c:pt>
                <c:pt idx="10" formatCode="#,##0.0">
                  <c:v>-3.0831099195710294</c:v>
                </c:pt>
                <c:pt idx="11" formatCode="#,##0.0">
                  <c:v>-3.153745072273324</c:v>
                </c:pt>
                <c:pt idx="12">
                  <c:v>-1.3245033112582689</c:v>
                </c:pt>
                <c:pt idx="13">
                  <c:v>1.4725568942436382</c:v>
                </c:pt>
                <c:pt idx="14">
                  <c:v>4.489795918367335</c:v>
                </c:pt>
                <c:pt idx="15">
                  <c:v>5.9147180192572222</c:v>
                </c:pt>
                <c:pt idx="16">
                  <c:v>4.6831955922865092</c:v>
                </c:pt>
                <c:pt idx="17">
                  <c:v>4.6089385474860478</c:v>
                </c:pt>
                <c:pt idx="18">
                  <c:v>1.9310344827586192</c:v>
                </c:pt>
                <c:pt idx="19">
                  <c:v>1.775956284152997</c:v>
                </c:pt>
                <c:pt idx="20">
                  <c:v>1.0781671159029571</c:v>
                </c:pt>
                <c:pt idx="21">
                  <c:v>4.9247606019151959</c:v>
                </c:pt>
                <c:pt idx="22">
                  <c:v>7.8838174273858925</c:v>
                </c:pt>
                <c:pt idx="23">
                  <c:v>7.4626865671641838</c:v>
                </c:pt>
                <c:pt idx="24">
                  <c:v>7.3825503355704711</c:v>
                </c:pt>
                <c:pt idx="25">
                  <c:v>4.617414248021106</c:v>
                </c:pt>
              </c:numCache>
            </c:numRef>
          </c:val>
          <c:smooth val="0"/>
          <c:extLst>
            <c:ext xmlns:c16="http://schemas.microsoft.com/office/drawing/2014/chart" uri="{C3380CC4-5D6E-409C-BE32-E72D297353CC}">
              <c16:uniqueId val="{00000002-2ADF-426D-9ABE-7C81CAAB3B61}"/>
            </c:ext>
          </c:extLst>
        </c:ser>
        <c:dLbls>
          <c:showLegendKey val="0"/>
          <c:showVal val="0"/>
          <c:showCatName val="0"/>
          <c:showSerName val="0"/>
          <c:showPercent val="0"/>
          <c:showBubbleSize val="0"/>
        </c:dLbls>
        <c:marker val="1"/>
        <c:smooth val="0"/>
        <c:axId val="849577720"/>
        <c:axId val="849578112"/>
      </c:lineChart>
      <c:lineChart>
        <c:grouping val="standard"/>
        <c:varyColors val="0"/>
        <c:ser>
          <c:idx val="3"/>
          <c:order val="3"/>
          <c:tx>
            <c:strRef>
              <c:f>Sheet1!$E$1</c:f>
              <c:strCache>
                <c:ptCount val="1"/>
                <c:pt idx="0">
                  <c:v>Philippines (right scale)</c:v>
                </c:pt>
              </c:strCache>
            </c:strRef>
          </c:tx>
          <c:spPr>
            <a:ln w="28575" cap="rnd">
              <a:solidFill>
                <a:srgbClr val="7030A0"/>
              </a:solidFill>
              <a:round/>
            </a:ln>
            <a:effectLst/>
          </c:spPr>
          <c:marker>
            <c:symbol val="none"/>
          </c:marker>
          <c:cat>
            <c:strRef>
              <c:f>Sheet1!$A$2:$A$27</c:f>
              <c:strCache>
                <c:ptCount val="26"/>
                <c:pt idx="0">
                  <c:v>Jan 2016</c:v>
                </c:pt>
                <c:pt idx="6">
                  <c:v>Jul</c:v>
                </c:pt>
                <c:pt idx="12">
                  <c:v>Jan 2017</c:v>
                </c:pt>
                <c:pt idx="18">
                  <c:v>Jul</c:v>
                </c:pt>
                <c:pt idx="25">
                  <c:v>Jan-18</c:v>
                </c:pt>
              </c:strCache>
            </c:strRef>
          </c:cat>
          <c:val>
            <c:numRef>
              <c:f>Sheet1!$E$2:$E$27</c:f>
              <c:numCache>
                <c:formatCode>General</c:formatCode>
                <c:ptCount val="26"/>
                <c:pt idx="0">
                  <c:v>#N/A</c:v>
                </c:pt>
                <c:pt idx="1">
                  <c:v>#N/A</c:v>
                </c:pt>
                <c:pt idx="2">
                  <c:v>-5.7</c:v>
                </c:pt>
                <c:pt idx="3">
                  <c:v>#N/A</c:v>
                </c:pt>
                <c:pt idx="4">
                  <c:v>#N/A</c:v>
                </c:pt>
                <c:pt idx="5">
                  <c:v>-6.4</c:v>
                </c:pt>
                <c:pt idx="6">
                  <c:v>#N/A</c:v>
                </c:pt>
                <c:pt idx="7">
                  <c:v>#N/A</c:v>
                </c:pt>
                <c:pt idx="8">
                  <c:v>2.5</c:v>
                </c:pt>
                <c:pt idx="9">
                  <c:v>#N/A</c:v>
                </c:pt>
                <c:pt idx="10" formatCode="0.0">
                  <c:v>#N/A</c:v>
                </c:pt>
                <c:pt idx="11" formatCode="0.0">
                  <c:v>9.1999999999999993</c:v>
                </c:pt>
                <c:pt idx="12">
                  <c:v>#N/A</c:v>
                </c:pt>
                <c:pt idx="13">
                  <c:v>#N/A</c:v>
                </c:pt>
                <c:pt idx="14">
                  <c:v>8.6999999999999993</c:v>
                </c:pt>
                <c:pt idx="15">
                  <c:v>#N/A</c:v>
                </c:pt>
                <c:pt idx="16">
                  <c:v>#N/A</c:v>
                </c:pt>
                <c:pt idx="17">
                  <c:v>13.1</c:v>
                </c:pt>
                <c:pt idx="18">
                  <c:v>#N/A</c:v>
                </c:pt>
                <c:pt idx="19">
                  <c:v>#N/A</c:v>
                </c:pt>
                <c:pt idx="20">
                  <c:v>10.199999999999999</c:v>
                </c:pt>
                <c:pt idx="21">
                  <c:v>#N/A</c:v>
                </c:pt>
                <c:pt idx="22">
                  <c:v>#N/A</c:v>
                </c:pt>
                <c:pt idx="23">
                  <c:v>9.5</c:v>
                </c:pt>
                <c:pt idx="24">
                  <c:v>17.942165433759257</c:v>
                </c:pt>
                <c:pt idx="25">
                  <c:v>12.559577482931857</c:v>
                </c:pt>
              </c:numCache>
            </c:numRef>
          </c:val>
          <c:smooth val="0"/>
          <c:extLst>
            <c:ext xmlns:c16="http://schemas.microsoft.com/office/drawing/2014/chart" uri="{C3380CC4-5D6E-409C-BE32-E72D297353CC}">
              <c16:uniqueId val="{00000003-2ADF-426D-9ABE-7C81CAAB3B61}"/>
            </c:ext>
          </c:extLst>
        </c:ser>
        <c:dLbls>
          <c:showLegendKey val="0"/>
          <c:showVal val="0"/>
          <c:showCatName val="0"/>
          <c:showSerName val="0"/>
          <c:showPercent val="0"/>
          <c:showBubbleSize val="0"/>
        </c:dLbls>
        <c:marker val="1"/>
        <c:smooth val="0"/>
        <c:axId val="501715400"/>
        <c:axId val="849578504"/>
      </c:lineChart>
      <c:catAx>
        <c:axId val="849577720"/>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97"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849578112"/>
        <c:crosses val="autoZero"/>
        <c:auto val="1"/>
        <c:lblAlgn val="ctr"/>
        <c:lblOffset val="100"/>
        <c:noMultiLvlLbl val="0"/>
      </c:catAx>
      <c:valAx>
        <c:axId val="849578112"/>
        <c:scaling>
          <c:orientation val="minMax"/>
          <c:min val="-20"/>
        </c:scaling>
        <c:delete val="0"/>
        <c:axPos val="l"/>
        <c:title>
          <c:tx>
            <c:rich>
              <a:bodyPr rot="0" spcFirstLastPara="1" vertOverflow="ellipsis" wrap="square" anchor="ctr" anchorCtr="1"/>
              <a:lstStyle/>
              <a:p>
                <a:pPr algn="l">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000"/>
                  <a:t>Year-on-year change, %</a:t>
                </a:r>
              </a:p>
            </c:rich>
          </c:tx>
          <c:layout>
            <c:manualLayout>
              <c:xMode val="edge"/>
              <c:yMode val="edge"/>
              <c:x val="1.8518518518518517E-2"/>
              <c:y val="0.11015059055118111"/>
            </c:manualLayout>
          </c:layout>
          <c:overlay val="0"/>
          <c:spPr>
            <a:noFill/>
            <a:ln>
              <a:noFill/>
            </a:ln>
            <a:effectLst/>
          </c:spPr>
          <c:txPr>
            <a:bodyPr rot="0" spcFirstLastPara="1" vertOverflow="ellipsis" wrap="square" anchor="ctr" anchorCtr="1"/>
            <a:lstStyle/>
            <a:p>
              <a:pPr algn="l">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849577720"/>
        <c:crosses val="autoZero"/>
        <c:crossBetween val="between"/>
        <c:majorUnit val="10"/>
      </c:valAx>
      <c:valAx>
        <c:axId val="849578504"/>
        <c:scaling>
          <c:orientation val="minMax"/>
          <c:min val="-16"/>
        </c:scaling>
        <c:delete val="0"/>
        <c:axPos val="r"/>
        <c:title>
          <c:tx>
            <c:rich>
              <a:bodyPr rot="0" spcFirstLastPara="1" vertOverflow="ellipsis" wrap="square" anchor="ctr" anchorCtr="1"/>
              <a:lstStyle/>
              <a:p>
                <a:pPr algn="r">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000"/>
                  <a:t>Percentage points</a:t>
                </a:r>
              </a:p>
            </c:rich>
          </c:tx>
          <c:layout>
            <c:manualLayout>
              <c:xMode val="edge"/>
              <c:yMode val="edge"/>
              <c:x val="0.8326079031787692"/>
              <c:y val="0.12474434055118108"/>
            </c:manualLayout>
          </c:layout>
          <c:overlay val="0"/>
          <c:spPr>
            <a:noFill/>
            <a:ln>
              <a:noFill/>
            </a:ln>
            <a:effectLst/>
          </c:spPr>
          <c:txPr>
            <a:bodyPr rot="0" spcFirstLastPara="1" vertOverflow="ellipsis" wrap="square" anchor="ctr" anchorCtr="1"/>
            <a:lstStyle/>
            <a:p>
              <a:pPr algn="r">
                <a:defRPr sz="10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General" sourceLinked="1"/>
        <c:majorTickMark val="out"/>
        <c:minorTickMark val="none"/>
        <c:tickLblPos val="nextTo"/>
        <c:spPr>
          <a:noFill/>
          <a:ln>
            <a:noFill/>
          </a:ln>
          <a:effectLst/>
        </c:spPr>
        <c:txPr>
          <a:bodyPr rot="-60000000" spcFirstLastPara="1" vertOverflow="ellipsis" vert="horz" wrap="square" anchor="ctr" anchorCtr="1"/>
          <a:lstStyle/>
          <a:p>
            <a:pPr>
              <a:defRPr sz="1197"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501715400"/>
        <c:crosses val="max"/>
        <c:crossBetween val="between"/>
        <c:majorUnit val="8"/>
      </c:valAx>
      <c:catAx>
        <c:axId val="501715400"/>
        <c:scaling>
          <c:orientation val="minMax"/>
        </c:scaling>
        <c:delete val="1"/>
        <c:axPos val="b"/>
        <c:numFmt formatCode="General" sourceLinked="1"/>
        <c:majorTickMark val="out"/>
        <c:minorTickMark val="none"/>
        <c:tickLblPos val="nextTo"/>
        <c:crossAx val="849578504"/>
        <c:crosses val="autoZero"/>
        <c:auto val="1"/>
        <c:lblAlgn val="ctr"/>
        <c:lblOffset val="100"/>
        <c:noMultiLvlLbl val="0"/>
      </c:catAx>
      <c:spPr>
        <a:noFill/>
        <a:ln>
          <a:noFill/>
        </a:ln>
        <a:effectLst/>
      </c:spPr>
    </c:plotArea>
    <c:legend>
      <c:legendPos val="t"/>
      <c:layout>
        <c:manualLayout>
          <c:xMode val="edge"/>
          <c:yMode val="edge"/>
          <c:x val="0.18300938077184797"/>
          <c:y val="0.10853124999999998"/>
          <c:w val="0.74023129921259845"/>
          <c:h val="0.16841190944881892"/>
        </c:manualLayout>
      </c:layout>
      <c:overlay val="0"/>
      <c:spPr>
        <a:noFill/>
        <a:ln>
          <a:noFill/>
        </a:ln>
        <a:effectLst/>
      </c:spPr>
      <c:txPr>
        <a:bodyPr rot="0" spcFirstLastPara="1" vertOverflow="ellipsis" vert="horz" wrap="square" anchor="ctr" anchorCtr="1"/>
        <a:lstStyle/>
        <a:p>
          <a:pPr>
            <a:defRPr sz="1197"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a:noFill/>
    </a:ln>
    <a:effectLst/>
  </c:spPr>
  <c:txPr>
    <a:bodyPr/>
    <a:lstStyle/>
    <a:p>
      <a:pPr>
        <a:defRPr>
          <a:latin typeface="Arial" panose="020B0604020202020204" pitchFamily="34" charset="0"/>
          <a:cs typeface="Arial" panose="020B0604020202020204" pitchFamily="34" charset="0"/>
        </a:defRPr>
      </a:pPr>
      <a:endParaRPr lang="en-US"/>
    </a:p>
  </c:txPr>
  <c:externalData r:id="rId3">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n-U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770946900868161"/>
          <c:y val="0.17663213582677162"/>
          <c:w val="0.86408540278619017"/>
          <c:h val="0.69346186023622047"/>
        </c:manualLayout>
      </c:layout>
      <c:barChart>
        <c:barDir val="col"/>
        <c:grouping val="stacked"/>
        <c:varyColors val="0"/>
        <c:ser>
          <c:idx val="0"/>
          <c:order val="0"/>
          <c:tx>
            <c:strRef>
              <c:f>Sheet1!$B$1</c:f>
              <c:strCache>
                <c:ptCount val="1"/>
                <c:pt idx="0">
                  <c:v>Consumption</c:v>
                </c:pt>
              </c:strCache>
            </c:strRef>
          </c:tx>
          <c:spPr>
            <a:solidFill>
              <a:schemeClr val="accent6">
                <a:lumMod val="75000"/>
              </a:schemeClr>
            </a:solidFill>
            <a:ln>
              <a:noFill/>
            </a:ln>
            <a:effectLst/>
          </c:spPr>
          <c:invertIfNegative val="0"/>
          <c:dPt>
            <c:idx val="5"/>
            <c:invertIfNegative val="0"/>
            <c:bubble3D val="0"/>
            <c:spPr>
              <a:solidFill>
                <a:srgbClr val="C00000"/>
              </a:solidFill>
              <a:ln>
                <a:noFill/>
              </a:ln>
              <a:effectLst/>
            </c:spPr>
            <c:extLst>
              <c:ext xmlns:c16="http://schemas.microsoft.com/office/drawing/2014/chart" uri="{C3380CC4-5D6E-409C-BE32-E72D297353CC}">
                <c16:uniqueId val="{00000005-A126-4DD2-9797-EFAF44438D0E}"/>
              </c:ext>
            </c:extLst>
          </c:dPt>
          <c:dPt>
            <c:idx val="6"/>
            <c:invertIfNegative val="0"/>
            <c:bubble3D val="0"/>
            <c:spPr>
              <a:solidFill>
                <a:srgbClr val="C00000"/>
              </a:solidFill>
              <a:ln>
                <a:noFill/>
              </a:ln>
              <a:effectLst/>
            </c:spPr>
            <c:extLst>
              <c:ext xmlns:c16="http://schemas.microsoft.com/office/drawing/2014/chart" uri="{C3380CC4-5D6E-409C-BE32-E72D297353CC}">
                <c16:uniqueId val="{00000006-A126-4DD2-9797-EFAF44438D0E}"/>
              </c:ext>
            </c:extLst>
          </c:dPt>
          <c:cat>
            <c:numRef>
              <c:f>Sheet1!$A$2:$A$8</c:f>
              <c:numCache>
                <c:formatCode>General</c:formatCode>
                <c:ptCount val="7"/>
                <c:pt idx="0">
                  <c:v>2013</c:v>
                </c:pt>
                <c:pt idx="1">
                  <c:v>2014</c:v>
                </c:pt>
                <c:pt idx="2">
                  <c:v>2015</c:v>
                </c:pt>
                <c:pt idx="3">
                  <c:v>2016</c:v>
                </c:pt>
                <c:pt idx="4">
                  <c:v>2017</c:v>
                </c:pt>
                <c:pt idx="5">
                  <c:v>2018</c:v>
                </c:pt>
                <c:pt idx="6">
                  <c:v>2019</c:v>
                </c:pt>
              </c:numCache>
            </c:numRef>
          </c:cat>
          <c:val>
            <c:numRef>
              <c:f>Sheet1!$B$2:$B$8</c:f>
              <c:numCache>
                <c:formatCode>General</c:formatCode>
                <c:ptCount val="7"/>
                <c:pt idx="0">
                  <c:v>3.6</c:v>
                </c:pt>
                <c:pt idx="1">
                  <c:v>3.6</c:v>
                </c:pt>
                <c:pt idx="2">
                  <c:v>4.0999999999999996</c:v>
                </c:pt>
                <c:pt idx="3">
                  <c:v>4.5</c:v>
                </c:pt>
                <c:pt idx="4">
                  <c:v>4.0999999999999996</c:v>
                </c:pt>
                <c:pt idx="5">
                  <c:v>6.6</c:v>
                </c:pt>
                <c:pt idx="6">
                  <c:v>6.4</c:v>
                </c:pt>
              </c:numCache>
            </c:numRef>
          </c:val>
          <c:extLst>
            <c:ext xmlns:c16="http://schemas.microsoft.com/office/drawing/2014/chart" uri="{C3380CC4-5D6E-409C-BE32-E72D297353CC}">
              <c16:uniqueId val="{00000000-A126-4DD2-9797-EFAF44438D0E}"/>
            </c:ext>
          </c:extLst>
        </c:ser>
        <c:ser>
          <c:idx val="1"/>
          <c:order val="1"/>
          <c:tx>
            <c:strRef>
              <c:f>Sheet1!$C$1</c:f>
              <c:strCache>
                <c:ptCount val="1"/>
                <c:pt idx="0">
                  <c:v>Investment</c:v>
                </c:pt>
              </c:strCache>
            </c:strRef>
          </c:tx>
          <c:spPr>
            <a:solidFill>
              <a:srgbClr val="00B050"/>
            </a:solidFill>
            <a:ln>
              <a:noFill/>
            </a:ln>
            <a:effectLst/>
          </c:spPr>
          <c:invertIfNegative val="0"/>
          <c:cat>
            <c:numRef>
              <c:f>Sheet1!$A$2:$A$8</c:f>
              <c:numCache>
                <c:formatCode>General</c:formatCode>
                <c:ptCount val="7"/>
                <c:pt idx="0">
                  <c:v>2013</c:v>
                </c:pt>
                <c:pt idx="1">
                  <c:v>2014</c:v>
                </c:pt>
                <c:pt idx="2">
                  <c:v>2015</c:v>
                </c:pt>
                <c:pt idx="3">
                  <c:v>2016</c:v>
                </c:pt>
                <c:pt idx="4">
                  <c:v>2017</c:v>
                </c:pt>
                <c:pt idx="5">
                  <c:v>2018</c:v>
                </c:pt>
                <c:pt idx="6">
                  <c:v>2019</c:v>
                </c:pt>
              </c:numCache>
            </c:numRef>
          </c:cat>
          <c:val>
            <c:numRef>
              <c:f>Sheet1!$C$2:$C$8</c:f>
              <c:numCache>
                <c:formatCode>General</c:formatCode>
                <c:ptCount val="7"/>
                <c:pt idx="0">
                  <c:v>4.3</c:v>
                </c:pt>
                <c:pt idx="1">
                  <c:v>3.4</c:v>
                </c:pt>
                <c:pt idx="2">
                  <c:v>2.9</c:v>
                </c:pt>
                <c:pt idx="3">
                  <c:v>2.9</c:v>
                </c:pt>
                <c:pt idx="4">
                  <c:v>2.2000000000000002</c:v>
                </c:pt>
              </c:numCache>
            </c:numRef>
          </c:val>
          <c:extLst>
            <c:ext xmlns:c16="http://schemas.microsoft.com/office/drawing/2014/chart" uri="{C3380CC4-5D6E-409C-BE32-E72D297353CC}">
              <c16:uniqueId val="{00000001-A126-4DD2-9797-EFAF44438D0E}"/>
            </c:ext>
          </c:extLst>
        </c:ser>
        <c:ser>
          <c:idx val="2"/>
          <c:order val="2"/>
          <c:tx>
            <c:strRef>
              <c:f>Sheet1!$D$1</c:f>
              <c:strCache>
                <c:ptCount val="1"/>
                <c:pt idx="0">
                  <c:v>Net exports</c:v>
                </c:pt>
              </c:strCache>
            </c:strRef>
          </c:tx>
          <c:spPr>
            <a:solidFill>
              <a:srgbClr val="0000CC"/>
            </a:solidFill>
            <a:ln>
              <a:noFill/>
            </a:ln>
            <a:effectLst/>
          </c:spPr>
          <c:invertIfNegative val="0"/>
          <c:cat>
            <c:numRef>
              <c:f>Sheet1!$A$2:$A$8</c:f>
              <c:numCache>
                <c:formatCode>General</c:formatCode>
                <c:ptCount val="7"/>
                <c:pt idx="0">
                  <c:v>2013</c:v>
                </c:pt>
                <c:pt idx="1">
                  <c:v>2014</c:v>
                </c:pt>
                <c:pt idx="2">
                  <c:v>2015</c:v>
                </c:pt>
                <c:pt idx="3">
                  <c:v>2016</c:v>
                </c:pt>
                <c:pt idx="4">
                  <c:v>2017</c:v>
                </c:pt>
                <c:pt idx="5">
                  <c:v>2018</c:v>
                </c:pt>
                <c:pt idx="6">
                  <c:v>2019</c:v>
                </c:pt>
              </c:numCache>
            </c:numRef>
          </c:cat>
          <c:val>
            <c:numRef>
              <c:f>Sheet1!$D$2:$D$8</c:f>
              <c:numCache>
                <c:formatCode>General</c:formatCode>
                <c:ptCount val="7"/>
                <c:pt idx="0">
                  <c:v>-0.1</c:v>
                </c:pt>
                <c:pt idx="1">
                  <c:v>0.3</c:v>
                </c:pt>
                <c:pt idx="2">
                  <c:v>-0.1</c:v>
                </c:pt>
                <c:pt idx="3">
                  <c:v>-0.6</c:v>
                </c:pt>
                <c:pt idx="4">
                  <c:v>0.6</c:v>
                </c:pt>
              </c:numCache>
            </c:numRef>
          </c:val>
          <c:extLst>
            <c:ext xmlns:c16="http://schemas.microsoft.com/office/drawing/2014/chart" uri="{C3380CC4-5D6E-409C-BE32-E72D297353CC}">
              <c16:uniqueId val="{00000002-A126-4DD2-9797-EFAF44438D0E}"/>
            </c:ext>
          </c:extLst>
        </c:ser>
        <c:dLbls>
          <c:showLegendKey val="0"/>
          <c:showVal val="0"/>
          <c:showCatName val="0"/>
          <c:showSerName val="0"/>
          <c:showPercent val="0"/>
          <c:showBubbleSize val="0"/>
        </c:dLbls>
        <c:gapWidth val="75"/>
        <c:overlap val="100"/>
        <c:axId val="799750048"/>
        <c:axId val="693030936"/>
      </c:barChart>
      <c:lineChart>
        <c:grouping val="standard"/>
        <c:varyColors val="0"/>
        <c:ser>
          <c:idx val="3"/>
          <c:order val="3"/>
          <c:tx>
            <c:strRef>
              <c:f>Sheet1!$E$1</c:f>
              <c:strCache>
                <c:ptCount val="1"/>
                <c:pt idx="0">
                  <c:v>Gross domestic product</c:v>
                </c:pt>
              </c:strCache>
            </c:strRef>
          </c:tx>
          <c:spPr>
            <a:ln w="28575" cap="rnd">
              <a:solidFill>
                <a:srgbClr val="C00000"/>
              </a:solidFill>
              <a:round/>
            </a:ln>
            <a:effectLst/>
          </c:spPr>
          <c:marker>
            <c:symbol val="none"/>
          </c:marker>
          <c:dPt>
            <c:idx val="5"/>
            <c:marker>
              <c:symbol val="none"/>
            </c:marker>
            <c:bubble3D val="0"/>
            <c:spPr>
              <a:ln w="28575" cap="rnd">
                <a:solidFill>
                  <a:srgbClr val="C00000"/>
                </a:solidFill>
                <a:prstDash val="dash"/>
                <a:round/>
              </a:ln>
              <a:effectLst/>
            </c:spPr>
            <c:extLst>
              <c:ext xmlns:c16="http://schemas.microsoft.com/office/drawing/2014/chart" uri="{C3380CC4-5D6E-409C-BE32-E72D297353CC}">
                <c16:uniqueId val="{00000008-A126-4DD2-9797-EFAF44438D0E}"/>
              </c:ext>
            </c:extLst>
          </c:dPt>
          <c:dPt>
            <c:idx val="6"/>
            <c:marker>
              <c:symbol val="none"/>
            </c:marker>
            <c:bubble3D val="0"/>
            <c:spPr>
              <a:ln w="28575" cap="rnd">
                <a:solidFill>
                  <a:srgbClr val="C00000"/>
                </a:solidFill>
                <a:prstDash val="dash"/>
                <a:round/>
              </a:ln>
              <a:effectLst/>
            </c:spPr>
            <c:extLst>
              <c:ext xmlns:c16="http://schemas.microsoft.com/office/drawing/2014/chart" uri="{C3380CC4-5D6E-409C-BE32-E72D297353CC}">
                <c16:uniqueId val="{00000007-A126-4DD2-9797-EFAF44438D0E}"/>
              </c:ext>
            </c:extLst>
          </c:dPt>
          <c:cat>
            <c:numRef>
              <c:f>Sheet1!$A$2:$A$8</c:f>
              <c:numCache>
                <c:formatCode>General</c:formatCode>
                <c:ptCount val="7"/>
                <c:pt idx="0">
                  <c:v>2013</c:v>
                </c:pt>
                <c:pt idx="1">
                  <c:v>2014</c:v>
                </c:pt>
                <c:pt idx="2">
                  <c:v>2015</c:v>
                </c:pt>
                <c:pt idx="3">
                  <c:v>2016</c:v>
                </c:pt>
                <c:pt idx="4">
                  <c:v>2017</c:v>
                </c:pt>
                <c:pt idx="5">
                  <c:v>2018</c:v>
                </c:pt>
                <c:pt idx="6">
                  <c:v>2019</c:v>
                </c:pt>
              </c:numCache>
            </c:numRef>
          </c:cat>
          <c:val>
            <c:numRef>
              <c:f>Sheet1!$E$2:$E$8</c:f>
              <c:numCache>
                <c:formatCode>General</c:formatCode>
                <c:ptCount val="7"/>
                <c:pt idx="0">
                  <c:v>7.8</c:v>
                </c:pt>
                <c:pt idx="1">
                  <c:v>7.3</c:v>
                </c:pt>
                <c:pt idx="2">
                  <c:v>6.9</c:v>
                </c:pt>
                <c:pt idx="3">
                  <c:v>6.7</c:v>
                </c:pt>
                <c:pt idx="4">
                  <c:v>6.9</c:v>
                </c:pt>
                <c:pt idx="5">
                  <c:v>6.6</c:v>
                </c:pt>
                <c:pt idx="6">
                  <c:v>6.4</c:v>
                </c:pt>
              </c:numCache>
            </c:numRef>
          </c:val>
          <c:smooth val="0"/>
          <c:extLst>
            <c:ext xmlns:c16="http://schemas.microsoft.com/office/drawing/2014/chart" uri="{C3380CC4-5D6E-409C-BE32-E72D297353CC}">
              <c16:uniqueId val="{00000004-A126-4DD2-9797-EFAF44438D0E}"/>
            </c:ext>
          </c:extLst>
        </c:ser>
        <c:dLbls>
          <c:showLegendKey val="0"/>
          <c:showVal val="0"/>
          <c:showCatName val="0"/>
          <c:showSerName val="0"/>
          <c:showPercent val="0"/>
          <c:showBubbleSize val="0"/>
        </c:dLbls>
        <c:marker val="1"/>
        <c:smooth val="0"/>
        <c:axId val="799750048"/>
        <c:axId val="693030936"/>
      </c:lineChart>
      <c:catAx>
        <c:axId val="799750048"/>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800" b="1" i="0" u="none" strike="noStrike" kern="1200" spc="-1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693030936"/>
        <c:crosses val="autoZero"/>
        <c:auto val="1"/>
        <c:lblAlgn val="ctr"/>
        <c:lblOffset val="100"/>
        <c:noMultiLvlLbl val="0"/>
      </c:catAx>
      <c:valAx>
        <c:axId val="693030936"/>
        <c:scaling>
          <c:orientation val="minMax"/>
        </c:scaling>
        <c:delete val="0"/>
        <c:axPos val="l"/>
        <c:title>
          <c:tx>
            <c:rich>
              <a:bodyPr rot="0" spcFirstLastPara="1" vertOverflow="ellipsis" wrap="square" anchor="ctr" anchorCtr="1"/>
              <a:lstStyle/>
              <a:p>
                <a:pPr>
                  <a:defRPr sz="12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r>
                  <a:rPr lang="en-US" sz="1200" dirty="0"/>
                  <a:t>Percentage</a:t>
                </a:r>
                <a:r>
                  <a:rPr lang="en-US" sz="1200" baseline="0" dirty="0"/>
                  <a:t> points</a:t>
                </a:r>
                <a:endParaRPr lang="en-US" sz="1200" dirty="0"/>
              </a:p>
            </c:rich>
          </c:tx>
          <c:layout>
            <c:manualLayout>
              <c:xMode val="edge"/>
              <c:yMode val="edge"/>
              <c:x val="1.6321025209876554E-3"/>
              <c:y val="5.6946440718845408E-2"/>
            </c:manualLayout>
          </c:layout>
          <c:overlay val="0"/>
          <c:spPr>
            <a:noFill/>
            <a:ln>
              <a:noFill/>
            </a:ln>
            <a:effectLst/>
          </c:spPr>
          <c:txPr>
            <a:bodyPr rot="0" spcFirstLastPara="1" vertOverflow="ellipsis" wrap="square" anchor="ctr" anchorCtr="1"/>
            <a:lstStyle/>
            <a:p>
              <a:pPr>
                <a:defRPr sz="12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title>
        <c:numFmt formatCode="General" sourceLinked="1"/>
        <c:majorTickMark val="out"/>
        <c:minorTickMark val="none"/>
        <c:tickLblPos val="nextTo"/>
        <c:spPr>
          <a:noFill/>
          <a:ln>
            <a:solidFill>
              <a:schemeClr val="bg1">
                <a:lumMod val="65000"/>
              </a:schemeClr>
            </a:solidFill>
          </a:ln>
          <a:effectLst/>
        </c:spPr>
        <c:txPr>
          <a:bodyPr rot="-60000000" spcFirstLastPara="1" vertOverflow="ellipsis" vert="horz" wrap="square" anchor="ctr" anchorCtr="1"/>
          <a:lstStyle/>
          <a:p>
            <a:pPr>
              <a:defRPr sz="1800" b="1"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crossAx val="799750048"/>
        <c:crosses val="autoZero"/>
        <c:crossBetween val="between"/>
        <c:majorUnit val="2"/>
      </c:valAx>
      <c:spPr>
        <a:noFill/>
        <a:ln>
          <a:noFill/>
        </a:ln>
        <a:effectLst/>
      </c:spPr>
    </c:plotArea>
    <c:legend>
      <c:legendPos val="t"/>
      <c:layout>
        <c:manualLayout>
          <c:xMode val="edge"/>
          <c:yMode val="edge"/>
          <c:x val="0.19602491208715286"/>
          <c:y val="6.25E-2"/>
          <c:w val="0.58602637829390281"/>
          <c:h val="0.20771013779527558"/>
        </c:manualLayout>
      </c:layout>
      <c:overlay val="0"/>
      <c:spPr>
        <a:noFill/>
        <a:ln>
          <a:noFill/>
        </a:ln>
        <a:effectLst/>
      </c:spPr>
      <c:txPr>
        <a:bodyPr rot="0" spcFirstLastPara="1" vertOverflow="ellipsis" vert="horz" wrap="square" anchor="ctr" anchorCtr="1"/>
        <a:lstStyle/>
        <a:p>
          <a:pPr>
            <a:defRPr sz="1400" b="0" i="0" u="none" strike="noStrike" kern="1200" baseline="0">
              <a:solidFill>
                <a:schemeClr val="tx1">
                  <a:lumMod val="65000"/>
                  <a:lumOff val="35000"/>
                </a:schemeClr>
              </a:solidFill>
              <a:latin typeface="Arial" panose="020B0604020202020204" pitchFamily="34" charset="0"/>
              <a:ea typeface="+mn-ea"/>
              <a:cs typeface="Arial" panose="020B0604020202020204" pitchFamily="34" charset="0"/>
            </a:defRPr>
          </a:pPr>
          <a:endParaRPr lang="en-US"/>
        </a:p>
      </c:txPr>
    </c:legend>
    <c:plotVisOnly val="1"/>
    <c:dispBlanksAs val="gap"/>
    <c:showDLblsOverMax val="0"/>
  </c:chart>
  <c:spPr>
    <a:noFill/>
    <a:ln>
      <a:noFill/>
    </a:ln>
    <a:effectLst/>
  </c:spPr>
  <c:txPr>
    <a:bodyPr/>
    <a:lstStyle/>
    <a:p>
      <a:pPr>
        <a:defRPr sz="1400">
          <a:latin typeface="Arial" panose="020B0604020202020204" pitchFamily="34" charset="0"/>
          <a:cs typeface="Arial" panose="020B0604020202020204" pitchFamily="34" charset="0"/>
        </a:defRPr>
      </a:pPr>
      <a:endParaRPr lang="en-US"/>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16">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67164</cdr:x>
      <cdr:y>0.26984</cdr:y>
    </cdr:from>
    <cdr:to>
      <cdr:x>0.67164</cdr:x>
      <cdr:y>0.79365</cdr:y>
    </cdr:to>
    <cdr:cxnSp macro="">
      <cdr:nvCxnSpPr>
        <cdr:cNvPr id="8" name="Straight Connector 7">
          <a:extLst xmlns:a="http://schemas.openxmlformats.org/drawingml/2006/main">
            <a:ext uri="{FF2B5EF4-FFF2-40B4-BE49-F238E27FC236}">
              <a16:creationId xmlns:a16="http://schemas.microsoft.com/office/drawing/2014/main" id="{44540ABF-1D82-4355-AB0E-AE27E0C4428C}"/>
            </a:ext>
          </a:extLst>
        </cdr:cNvPr>
        <cdr:cNvCxnSpPr/>
      </cdr:nvCxnSpPr>
      <cdr:spPr>
        <a:xfrm xmlns:a="http://schemas.openxmlformats.org/drawingml/2006/main" flipV="1">
          <a:off x="3429000" y="1295400"/>
          <a:ext cx="0" cy="2514608"/>
        </a:xfrm>
        <a:prstGeom xmlns:a="http://schemas.openxmlformats.org/drawingml/2006/main" prst="line">
          <a:avLst/>
        </a:prstGeom>
        <a:ln xmlns:a="http://schemas.openxmlformats.org/drawingml/2006/main" w="15875">
          <a:solidFill>
            <a:srgbClr val="FF9900"/>
          </a:solidFill>
        </a:ln>
      </cdr:spPr>
      <cdr:style>
        <a:lnRef xmlns:a="http://schemas.openxmlformats.org/drawingml/2006/main" idx="1">
          <a:schemeClr val="accent6"/>
        </a:lnRef>
        <a:fillRef xmlns:a="http://schemas.openxmlformats.org/drawingml/2006/main" idx="0">
          <a:schemeClr val="accent6"/>
        </a:fillRef>
        <a:effectRef xmlns:a="http://schemas.openxmlformats.org/drawingml/2006/main" idx="0">
          <a:schemeClr val="accent6"/>
        </a:effectRef>
        <a:fontRef xmlns:a="http://schemas.openxmlformats.org/drawingml/2006/main" idx="minor">
          <a:schemeClr val="tx1"/>
        </a:fontRef>
      </cdr:style>
    </cdr:cxnSp>
  </cdr:relSizeAnchor>
  <cdr:relSizeAnchor xmlns:cdr="http://schemas.openxmlformats.org/drawingml/2006/chartDrawing">
    <cdr:from>
      <cdr:x>0.56716</cdr:x>
      <cdr:y>0.20635</cdr:y>
    </cdr:from>
    <cdr:to>
      <cdr:x>0.76119</cdr:x>
      <cdr:y>0.27582</cdr:y>
    </cdr:to>
    <cdr:sp macro="" textlink="">
      <cdr:nvSpPr>
        <cdr:cNvPr id="4" name="TextBox 3"/>
        <cdr:cNvSpPr txBox="1"/>
      </cdr:nvSpPr>
      <cdr:spPr>
        <a:xfrm xmlns:a="http://schemas.openxmlformats.org/drawingml/2006/main">
          <a:off x="2895600" y="990600"/>
          <a:ext cx="990600" cy="333497"/>
        </a:xfrm>
        <a:prstGeom xmlns:a="http://schemas.openxmlformats.org/drawingml/2006/main" prst="rect">
          <a:avLst/>
        </a:prstGeom>
        <a:solidFill xmlns:a="http://schemas.openxmlformats.org/drawingml/2006/main">
          <a:schemeClr val="bg1"/>
        </a:solidFill>
        <a:ln xmlns:a="http://schemas.openxmlformats.org/drawingml/2006/main" w="25400">
          <a:solidFill>
            <a:srgbClr val="FF9900"/>
          </a:solidFill>
        </a:ln>
      </cdr:spPr>
      <cdr:txBody>
        <a:bodyPr xmlns:a="http://schemas.openxmlformats.org/drawingml/2006/main" vertOverflow="clip" wrap="square" rtlCol="0" anchor="ctr"/>
        <a:lstStyle xmlns:a="http://schemas.openxmlformats.org/drawingml/2006/main"/>
        <a:p xmlns:a="http://schemas.openxmlformats.org/drawingml/2006/main">
          <a:r>
            <a:rPr lang="en-US" sz="1150" b="1" dirty="0">
              <a:solidFill>
                <a:schemeClr val="accent6">
                  <a:lumMod val="75000"/>
                </a:schemeClr>
              </a:solidFill>
              <a:latin typeface="Arial" panose="020B0604020202020204" pitchFamily="34" charset="0"/>
              <a:cs typeface="Arial" panose="020B0604020202020204" pitchFamily="34" charset="0"/>
            </a:rPr>
            <a:t>GST rollout</a:t>
          </a:r>
        </a:p>
      </cdr:txBody>
    </cdr:sp>
  </cdr:relSizeAnchor>
  <cdr:relSizeAnchor xmlns:cdr="http://schemas.openxmlformats.org/drawingml/2006/chartDrawing">
    <cdr:from>
      <cdr:x>0.41791</cdr:x>
      <cdr:y>0.22222</cdr:y>
    </cdr:from>
    <cdr:to>
      <cdr:x>0.41791</cdr:x>
      <cdr:y>0.79365</cdr:y>
    </cdr:to>
    <cdr:cxnSp macro="">
      <cdr:nvCxnSpPr>
        <cdr:cNvPr id="5" name="Straight Connector 4">
          <a:extLst xmlns:a="http://schemas.openxmlformats.org/drawingml/2006/main">
            <a:ext uri="{FF2B5EF4-FFF2-40B4-BE49-F238E27FC236}">
              <a16:creationId xmlns:a16="http://schemas.microsoft.com/office/drawing/2014/main" id="{13D1EEA5-D702-4E8C-8361-D4BB61BA51C7}"/>
            </a:ext>
          </a:extLst>
        </cdr:cNvPr>
        <cdr:cNvCxnSpPr/>
      </cdr:nvCxnSpPr>
      <cdr:spPr>
        <a:xfrm xmlns:a="http://schemas.openxmlformats.org/drawingml/2006/main" flipV="1">
          <a:off x="2133600" y="1066800"/>
          <a:ext cx="0" cy="2743200"/>
        </a:xfrm>
        <a:prstGeom xmlns:a="http://schemas.openxmlformats.org/drawingml/2006/main" prst="line">
          <a:avLst/>
        </a:prstGeom>
        <a:ln xmlns:a="http://schemas.openxmlformats.org/drawingml/2006/main" w="15875">
          <a:solidFill>
            <a:srgbClr val="FF9900"/>
          </a:solidFill>
        </a:ln>
      </cdr:spPr>
      <cdr:style>
        <a:lnRef xmlns:a="http://schemas.openxmlformats.org/drawingml/2006/main" idx="1">
          <a:schemeClr val="accent6"/>
        </a:lnRef>
        <a:fillRef xmlns:a="http://schemas.openxmlformats.org/drawingml/2006/main" idx="0">
          <a:schemeClr val="accent6"/>
        </a:fillRef>
        <a:effectRef xmlns:a="http://schemas.openxmlformats.org/drawingml/2006/main" idx="0">
          <a:schemeClr val="accent6"/>
        </a:effectRef>
        <a:fontRef xmlns:a="http://schemas.openxmlformats.org/drawingml/2006/main" idx="minor">
          <a:schemeClr val="tx1"/>
        </a:fontRef>
      </cdr:style>
    </cdr:cxnSp>
  </cdr:relSizeAnchor>
  <cdr:relSizeAnchor xmlns:cdr="http://schemas.openxmlformats.org/drawingml/2006/chartDrawing">
    <cdr:from>
      <cdr:x>0.28358</cdr:x>
      <cdr:y>0.15275</cdr:y>
    </cdr:from>
    <cdr:to>
      <cdr:x>0.53731</cdr:x>
      <cdr:y>0.22222</cdr:y>
    </cdr:to>
    <cdr:sp macro="" textlink="">
      <cdr:nvSpPr>
        <cdr:cNvPr id="7" name="TextBox 1"/>
        <cdr:cNvSpPr txBox="1"/>
      </cdr:nvSpPr>
      <cdr:spPr>
        <a:xfrm xmlns:a="http://schemas.openxmlformats.org/drawingml/2006/main">
          <a:off x="1447800" y="733294"/>
          <a:ext cx="1295400" cy="333506"/>
        </a:xfrm>
        <a:prstGeom xmlns:a="http://schemas.openxmlformats.org/drawingml/2006/main" prst="rect">
          <a:avLst/>
        </a:prstGeom>
        <a:ln xmlns:a="http://schemas.openxmlformats.org/drawingml/2006/main" w="25400">
          <a:solidFill>
            <a:srgbClr val="FF9900"/>
          </a:solidFill>
        </a:ln>
      </cdr:spPr>
      <cdr:txBody>
        <a:bodyPr xmlns:a="http://schemas.openxmlformats.org/drawingml/2006/main" wrap="square" rtlCol="0" anchor="ct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sz="1150" b="1" dirty="0">
              <a:solidFill>
                <a:schemeClr val="accent6">
                  <a:lumMod val="75000"/>
                </a:schemeClr>
              </a:solidFill>
              <a:latin typeface="Arial" panose="020B0604020202020204" pitchFamily="34" charset="0"/>
              <a:cs typeface="Arial" panose="020B0604020202020204" pitchFamily="34" charset="0"/>
            </a:rPr>
            <a:t>Demonetization</a:t>
          </a:r>
        </a:p>
      </cdr:txBody>
    </cdr:sp>
  </cdr:relSizeAnchor>
</c:userShapes>
</file>

<file path=ppt/drawings/drawing2.xml><?xml version="1.0" encoding="utf-8"?>
<c:userShapes xmlns:c="http://schemas.openxmlformats.org/drawingml/2006/chart">
  <cdr:relSizeAnchor xmlns:cdr="http://schemas.openxmlformats.org/drawingml/2006/chartDrawing">
    <cdr:from>
      <cdr:x>0</cdr:x>
      <cdr:y>0.11258</cdr:y>
    </cdr:from>
    <cdr:to>
      <cdr:x>0.16665</cdr:x>
      <cdr:y>0.17493</cdr:y>
    </cdr:to>
    <cdr:sp macro="" textlink="">
      <cdr:nvSpPr>
        <cdr:cNvPr id="2" name="TextBox 1">
          <a:extLst xmlns:a="http://schemas.openxmlformats.org/drawingml/2006/main">
            <a:ext uri="{FF2B5EF4-FFF2-40B4-BE49-F238E27FC236}">
              <a16:creationId xmlns:a16="http://schemas.microsoft.com/office/drawing/2014/main" id="{ABAC25EB-1F2A-469F-89D6-E8075E8D4581}"/>
            </a:ext>
          </a:extLst>
        </cdr:cNvPr>
        <cdr:cNvSpPr txBox="1"/>
      </cdr:nvSpPr>
      <cdr:spPr>
        <a:xfrm xmlns:a="http://schemas.openxmlformats.org/drawingml/2006/main">
          <a:off x="0" y="479719"/>
          <a:ext cx="717732" cy="26568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sz="1200" b="1" dirty="0">
              <a:latin typeface="Arial" panose="020B0604020202020204" pitchFamily="34" charset="0"/>
              <a:cs typeface="Arial" panose="020B0604020202020204" pitchFamily="34" charset="0"/>
            </a:rPr>
            <a:t>2010 = 100</a:t>
          </a:r>
        </a:p>
      </cdr:txBody>
    </cdr:sp>
  </cdr:relSizeAnchor>
</c:userShapes>
</file>

<file path=ppt/drawings/drawing3.xml><?xml version="1.0" encoding="utf-8"?>
<c:userShapes xmlns:c="http://schemas.openxmlformats.org/drawingml/2006/chart">
  <cdr:relSizeAnchor xmlns:cdr="http://schemas.openxmlformats.org/drawingml/2006/chartDrawing">
    <cdr:from>
      <cdr:x>0.83118</cdr:x>
      <cdr:y>0.22371</cdr:y>
    </cdr:from>
    <cdr:to>
      <cdr:x>0.89881</cdr:x>
      <cdr:y>0.3191</cdr:y>
    </cdr:to>
    <cdr:sp macro="" textlink="">
      <cdr:nvSpPr>
        <cdr:cNvPr id="2" name="TextBox 1"/>
        <cdr:cNvSpPr txBox="1"/>
      </cdr:nvSpPr>
      <cdr:spPr>
        <a:xfrm xmlns:a="http://schemas.openxmlformats.org/drawingml/2006/main">
          <a:off x="6555269" y="893516"/>
          <a:ext cx="533400" cy="381000"/>
        </a:xfrm>
        <a:prstGeom xmlns:a="http://schemas.openxmlformats.org/drawingml/2006/main" prst="rect">
          <a:avLst/>
        </a:prstGeom>
        <a:ln xmlns:a="http://schemas.openxmlformats.org/drawingml/2006/main">
          <a:solidFill>
            <a:srgbClr val="C00000"/>
          </a:solidFill>
        </a:ln>
      </cdr:spPr>
      <cdr:txBody>
        <a:bodyPr xmlns:a="http://schemas.openxmlformats.org/drawingml/2006/main" vertOverflow="clip" wrap="square" rtlCol="0"/>
        <a:lstStyle xmlns:a="http://schemas.openxmlformats.org/drawingml/2006/main"/>
        <a:p xmlns:a="http://schemas.openxmlformats.org/drawingml/2006/main">
          <a:r>
            <a:rPr lang="en-US" sz="1600" b="1" dirty="0">
              <a:solidFill>
                <a:srgbClr val="C00000"/>
              </a:solidFill>
              <a:latin typeface="Arial" panose="020B0604020202020204" pitchFamily="34" charset="0"/>
              <a:cs typeface="Arial" panose="020B0604020202020204" pitchFamily="34" charset="0"/>
            </a:rPr>
            <a:t>3.7</a:t>
          </a:r>
          <a:endParaRPr lang="en-US" sz="1100" b="1" dirty="0">
            <a:solidFill>
              <a:srgbClr val="C00000"/>
            </a:solidFill>
            <a:latin typeface="Arial" panose="020B0604020202020204" pitchFamily="34" charset="0"/>
            <a:cs typeface="Arial" panose="020B0604020202020204" pitchFamily="34" charset="0"/>
          </a:endParaRPr>
        </a:p>
      </cdr:txBody>
    </cdr:sp>
  </cdr:relSizeAnchor>
</c:userShapes>
</file>

<file path=ppt/drawings/drawing4.xml><?xml version="1.0" encoding="utf-8"?>
<c:userShapes xmlns:c="http://schemas.openxmlformats.org/drawingml/2006/chart">
  <cdr:relSizeAnchor xmlns:cdr="http://schemas.openxmlformats.org/drawingml/2006/chartDrawing">
    <cdr:from>
      <cdr:x>0.03093</cdr:x>
      <cdr:y>0</cdr:y>
    </cdr:from>
    <cdr:to>
      <cdr:x>0.10309</cdr:x>
      <cdr:y>0.05556</cdr:y>
    </cdr:to>
    <cdr:sp macro="" textlink="">
      <cdr:nvSpPr>
        <cdr:cNvPr id="2" name="TextBox 1"/>
        <cdr:cNvSpPr txBox="1"/>
      </cdr:nvSpPr>
      <cdr:spPr>
        <a:xfrm xmlns:a="http://schemas.openxmlformats.org/drawingml/2006/main">
          <a:off x="228600" y="0"/>
          <a:ext cx="533400" cy="22860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n-US" sz="1400" dirty="0">
              <a:latin typeface="Arial" panose="020B0604020202020204" pitchFamily="34" charset="0"/>
              <a:cs typeface="Arial" panose="020B0604020202020204" pitchFamily="34" charset="0"/>
            </a:rPr>
            <a:t>US</a:t>
          </a:r>
          <a:r>
            <a:rPr lang="en-US" sz="1400" b="1" dirty="0">
              <a:latin typeface="Arial" panose="020B0604020202020204" pitchFamily="34" charset="0"/>
              <a:cs typeface="Arial" panose="020B0604020202020204" pitchFamily="34" charset="0"/>
            </a:rPr>
            <a:t>$</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17.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7840" cy="466434"/>
          </a:xfrm>
          <a:prstGeom prst="rect">
            <a:avLst/>
          </a:prstGeom>
        </p:spPr>
        <p:txBody>
          <a:bodyPr vert="horz" lIns="93177" tIns="46589" rIns="93177" bIns="46589" rtlCol="0"/>
          <a:lstStyle>
            <a:lvl1pPr algn="l">
              <a:defRPr sz="1200"/>
            </a:lvl1pPr>
          </a:lstStyle>
          <a:p>
            <a:endParaRPr lang="en-US"/>
          </a:p>
        </p:txBody>
      </p:sp>
      <p:sp>
        <p:nvSpPr>
          <p:cNvPr id="3" name="Date Placeholder 2"/>
          <p:cNvSpPr>
            <a:spLocks noGrp="1"/>
          </p:cNvSpPr>
          <p:nvPr>
            <p:ph type="dt" sz="quarter" idx="1"/>
          </p:nvPr>
        </p:nvSpPr>
        <p:spPr>
          <a:xfrm>
            <a:off x="3970938" y="0"/>
            <a:ext cx="3037840" cy="466434"/>
          </a:xfrm>
          <a:prstGeom prst="rect">
            <a:avLst/>
          </a:prstGeom>
        </p:spPr>
        <p:txBody>
          <a:bodyPr vert="horz" lIns="93177" tIns="46589" rIns="93177" bIns="46589" rtlCol="0"/>
          <a:lstStyle>
            <a:lvl1pPr algn="r">
              <a:defRPr sz="1200"/>
            </a:lvl1pPr>
          </a:lstStyle>
          <a:p>
            <a:fld id="{31934E3D-342B-4D67-A56F-7236025684E1}" type="datetimeFigureOut">
              <a:rPr lang="en-US" smtClean="0"/>
              <a:t>11/04/2018</a:t>
            </a:fld>
            <a:endParaRPr lang="en-US"/>
          </a:p>
        </p:txBody>
      </p:sp>
      <p:sp>
        <p:nvSpPr>
          <p:cNvPr id="4" name="Footer Placeholder 3"/>
          <p:cNvSpPr>
            <a:spLocks noGrp="1"/>
          </p:cNvSpPr>
          <p:nvPr>
            <p:ph type="ftr" sz="quarter" idx="2"/>
          </p:nvPr>
        </p:nvSpPr>
        <p:spPr>
          <a:xfrm>
            <a:off x="0" y="8829967"/>
            <a:ext cx="3037840" cy="466433"/>
          </a:xfrm>
          <a:prstGeom prst="rect">
            <a:avLst/>
          </a:prstGeom>
        </p:spPr>
        <p:txBody>
          <a:bodyPr vert="horz" lIns="93177" tIns="46589" rIns="93177" bIns="46589" rtlCol="0" anchor="b"/>
          <a:lstStyle>
            <a:lvl1pPr algn="l">
              <a:defRPr sz="1200"/>
            </a:lvl1pPr>
          </a:lstStyle>
          <a:p>
            <a:endParaRPr lang="en-US"/>
          </a:p>
        </p:txBody>
      </p:sp>
      <p:sp>
        <p:nvSpPr>
          <p:cNvPr id="5" name="Slide Number Placeholder 4"/>
          <p:cNvSpPr>
            <a:spLocks noGrp="1"/>
          </p:cNvSpPr>
          <p:nvPr>
            <p:ph type="sldNum" sz="quarter" idx="3"/>
          </p:nvPr>
        </p:nvSpPr>
        <p:spPr>
          <a:xfrm>
            <a:off x="3970938" y="8829967"/>
            <a:ext cx="3037840" cy="466433"/>
          </a:xfrm>
          <a:prstGeom prst="rect">
            <a:avLst/>
          </a:prstGeom>
        </p:spPr>
        <p:txBody>
          <a:bodyPr vert="horz" lIns="93177" tIns="46589" rIns="93177" bIns="46589" rtlCol="0" anchor="b"/>
          <a:lstStyle>
            <a:lvl1pPr algn="r">
              <a:defRPr sz="1200"/>
            </a:lvl1pPr>
          </a:lstStyle>
          <a:p>
            <a:fld id="{8376C56D-BBFF-4805-B2BC-49E01C57EEDA}" type="slidenum">
              <a:rPr lang="en-US" smtClean="0"/>
              <a:t>‹#›</a:t>
            </a:fld>
            <a:endParaRPr lang="en-US"/>
          </a:p>
        </p:txBody>
      </p:sp>
    </p:spTree>
    <p:extLst>
      <p:ext uri="{BB962C8B-B14F-4D97-AF65-F5344CB8AC3E}">
        <p14:creationId xmlns:p14="http://schemas.microsoft.com/office/powerpoint/2010/main" val="324243638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3037840" cy="466434"/>
          </a:xfrm>
          <a:prstGeom prst="rect">
            <a:avLst/>
          </a:prstGeom>
        </p:spPr>
        <p:txBody>
          <a:bodyPr vert="horz" lIns="93177" tIns="46589" rIns="93177" bIns="46589" rtlCol="0"/>
          <a:lstStyle>
            <a:lvl1pPr algn="l">
              <a:defRPr sz="1200"/>
            </a:lvl1pPr>
          </a:lstStyle>
          <a:p>
            <a:endParaRPr lang="en-US"/>
          </a:p>
        </p:txBody>
      </p:sp>
      <p:sp>
        <p:nvSpPr>
          <p:cNvPr id="3" name="Date Placeholder 2"/>
          <p:cNvSpPr>
            <a:spLocks noGrp="1"/>
          </p:cNvSpPr>
          <p:nvPr>
            <p:ph type="dt" idx="1"/>
          </p:nvPr>
        </p:nvSpPr>
        <p:spPr>
          <a:xfrm>
            <a:off x="3970938" y="0"/>
            <a:ext cx="3037840" cy="466434"/>
          </a:xfrm>
          <a:prstGeom prst="rect">
            <a:avLst/>
          </a:prstGeom>
        </p:spPr>
        <p:txBody>
          <a:bodyPr vert="horz" lIns="93177" tIns="46589" rIns="93177" bIns="46589" rtlCol="0"/>
          <a:lstStyle>
            <a:lvl1pPr algn="r">
              <a:defRPr sz="1200"/>
            </a:lvl1pPr>
          </a:lstStyle>
          <a:p>
            <a:fld id="{2520427E-A1FD-4301-91E8-0C45CA530C0E}" type="datetimeFigureOut">
              <a:rPr lang="en-US" smtClean="0"/>
              <a:t>11/04/2018</a:t>
            </a:fld>
            <a:endParaRPr lang="en-US"/>
          </a:p>
        </p:txBody>
      </p:sp>
      <p:sp>
        <p:nvSpPr>
          <p:cNvPr id="4" name="Slide Image Placeholder 3"/>
          <p:cNvSpPr>
            <a:spLocks noGrp="1" noRot="1" noChangeAspect="1"/>
          </p:cNvSpPr>
          <p:nvPr>
            <p:ph type="sldImg" idx="2"/>
          </p:nvPr>
        </p:nvSpPr>
        <p:spPr>
          <a:xfrm>
            <a:off x="1414463" y="1162050"/>
            <a:ext cx="4181475" cy="3136900"/>
          </a:xfrm>
          <a:prstGeom prst="rect">
            <a:avLst/>
          </a:prstGeom>
          <a:noFill/>
          <a:ln w="12700">
            <a:solidFill>
              <a:prstClr val="black"/>
            </a:solidFill>
          </a:ln>
        </p:spPr>
        <p:txBody>
          <a:bodyPr vert="horz" lIns="93177" tIns="46589" rIns="93177" bIns="46589" rtlCol="0" anchor="ctr"/>
          <a:lstStyle/>
          <a:p>
            <a:endParaRPr lang="en-US"/>
          </a:p>
        </p:txBody>
      </p:sp>
      <p:sp>
        <p:nvSpPr>
          <p:cNvPr id="5" name="Notes Placeholder 4"/>
          <p:cNvSpPr>
            <a:spLocks noGrp="1"/>
          </p:cNvSpPr>
          <p:nvPr>
            <p:ph type="body" sz="quarter" idx="3"/>
          </p:nvPr>
        </p:nvSpPr>
        <p:spPr>
          <a:xfrm>
            <a:off x="381000" y="4473892"/>
            <a:ext cx="6248400" cy="4212908"/>
          </a:xfrm>
          <a:prstGeom prst="rect">
            <a:avLst/>
          </a:prstGeom>
        </p:spPr>
        <p:txBody>
          <a:bodyPr vert="horz" lIns="93177" tIns="46589" rIns="93177" bIns="46589" rtlCol="0"/>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829967"/>
            <a:ext cx="3037840" cy="466433"/>
          </a:xfrm>
          <a:prstGeom prst="rect">
            <a:avLst/>
          </a:prstGeom>
        </p:spPr>
        <p:txBody>
          <a:bodyPr vert="horz" lIns="93177" tIns="46589" rIns="93177" bIns="46589" rtlCol="0" anchor="b"/>
          <a:lstStyle>
            <a:lvl1pPr algn="l">
              <a:defRPr sz="1200"/>
            </a:lvl1pPr>
          </a:lstStyle>
          <a:p>
            <a:endParaRPr lang="en-US"/>
          </a:p>
        </p:txBody>
      </p:sp>
      <p:sp>
        <p:nvSpPr>
          <p:cNvPr id="7" name="Slide Number Placeholder 6"/>
          <p:cNvSpPr>
            <a:spLocks noGrp="1"/>
          </p:cNvSpPr>
          <p:nvPr>
            <p:ph type="sldNum" sz="quarter" idx="5"/>
          </p:nvPr>
        </p:nvSpPr>
        <p:spPr>
          <a:xfrm>
            <a:off x="3970938" y="8829967"/>
            <a:ext cx="3037840" cy="466433"/>
          </a:xfrm>
          <a:prstGeom prst="rect">
            <a:avLst/>
          </a:prstGeom>
        </p:spPr>
        <p:txBody>
          <a:bodyPr vert="horz" lIns="93177" tIns="46589" rIns="93177" bIns="46589" rtlCol="0" anchor="b"/>
          <a:lstStyle>
            <a:lvl1pPr algn="r">
              <a:defRPr sz="1200"/>
            </a:lvl1pPr>
          </a:lstStyle>
          <a:p>
            <a:fld id="{B38207D9-6F47-49AD-9E16-D5ACEA5907AE}" type="slidenum">
              <a:rPr lang="en-US" smtClean="0"/>
              <a:t>‹#›</a:t>
            </a:fld>
            <a:endParaRPr lang="en-US"/>
          </a:p>
        </p:txBody>
      </p:sp>
    </p:spTree>
    <p:extLst>
      <p:ext uri="{BB962C8B-B14F-4D97-AF65-F5344CB8AC3E}">
        <p14:creationId xmlns:p14="http://schemas.microsoft.com/office/powerpoint/2010/main" val="568147231"/>
      </p:ext>
    </p:extLst>
  </p:cSld>
  <p:clrMap bg1="lt1" tx1="dk1" bg2="lt2" tx2="dk2" accent1="accent1" accent2="accent2" accent3="accent3" accent4="accent4" accent5="accent5" accent6="accent6" hlink="hlink" folHlink="folHlink"/>
  <p:notesStyle>
    <a:lvl1pPr marL="0" algn="l" defTabSz="914400" rtl="0" eaLnBrk="1" latinLnBrk="0" hangingPunct="1">
      <a:defRPr sz="1000" kern="1200">
        <a:solidFill>
          <a:schemeClr val="tx1"/>
        </a:solidFill>
        <a:latin typeface="+mn-lt"/>
        <a:ea typeface="+mn-ea"/>
        <a:cs typeface="+mn-cs"/>
      </a:defRPr>
    </a:lvl1pPr>
    <a:lvl2pPr marL="457200" algn="l" defTabSz="914400" rtl="0" eaLnBrk="1" latinLnBrk="0" hangingPunct="1">
      <a:defRPr sz="1000" kern="1200">
        <a:solidFill>
          <a:schemeClr val="tx1"/>
        </a:solidFill>
        <a:latin typeface="+mn-lt"/>
        <a:ea typeface="+mn-ea"/>
        <a:cs typeface="+mn-cs"/>
      </a:defRPr>
    </a:lvl2pPr>
    <a:lvl3pPr marL="914400" algn="l" defTabSz="914400" rtl="0" eaLnBrk="1" latinLnBrk="0" hangingPunct="1">
      <a:defRPr sz="1000" kern="1200">
        <a:solidFill>
          <a:schemeClr val="tx1"/>
        </a:solidFill>
        <a:latin typeface="+mn-lt"/>
        <a:ea typeface="+mn-ea"/>
        <a:cs typeface="+mn-cs"/>
      </a:defRPr>
    </a:lvl3pPr>
    <a:lvl4pPr marL="1371600" algn="l" defTabSz="914400" rtl="0" eaLnBrk="1" latinLnBrk="0" hangingPunct="1">
      <a:defRPr sz="1000" kern="1200">
        <a:solidFill>
          <a:schemeClr val="tx1"/>
        </a:solidFill>
        <a:latin typeface="+mn-lt"/>
        <a:ea typeface="+mn-ea"/>
        <a:cs typeface="+mn-cs"/>
      </a:defRPr>
    </a:lvl4pPr>
    <a:lvl5pPr marL="1828800" algn="l" defTabSz="914400" rtl="0" eaLnBrk="1" latinLnBrk="0" hangingPunct="1">
      <a:defRPr sz="10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B38207D9-6F47-49AD-9E16-D5ACEA5907AE}" type="slidenum">
              <a:rPr lang="en-US" smtClean="0"/>
              <a:t>1</a:t>
            </a:fld>
            <a:endParaRPr lang="en-US"/>
          </a:p>
        </p:txBody>
      </p:sp>
    </p:spTree>
    <p:extLst>
      <p:ext uri="{BB962C8B-B14F-4D97-AF65-F5344CB8AC3E}">
        <p14:creationId xmlns:p14="http://schemas.microsoft.com/office/powerpoint/2010/main" val="50511777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a:xfrm>
            <a:off x="233681" y="4489387"/>
            <a:ext cx="6620933" cy="4253103"/>
          </a:xfrm>
        </p:spPr>
        <p:txBody>
          <a:bodyPr/>
          <a:lstStyle/>
          <a:p>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10</a:t>
            </a:fld>
            <a:endParaRPr lang="en-US"/>
          </a:p>
        </p:txBody>
      </p:sp>
    </p:spTree>
    <p:extLst>
      <p:ext uri="{BB962C8B-B14F-4D97-AF65-F5344CB8AC3E}">
        <p14:creationId xmlns:p14="http://schemas.microsoft.com/office/powerpoint/2010/main" val="381705884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414463" y="1162050"/>
            <a:ext cx="4181475" cy="3136900"/>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11</a:t>
            </a:fld>
            <a:endParaRPr lang="en-US"/>
          </a:p>
        </p:txBody>
      </p:sp>
    </p:spTree>
    <p:extLst>
      <p:ext uri="{BB962C8B-B14F-4D97-AF65-F5344CB8AC3E}">
        <p14:creationId xmlns:p14="http://schemas.microsoft.com/office/powerpoint/2010/main" val="12166741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335088" y="1125538"/>
            <a:ext cx="4048125" cy="3036887"/>
          </a:xfrm>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12</a:t>
            </a:fld>
            <a:endParaRPr lang="en-US"/>
          </a:p>
        </p:txBody>
      </p:sp>
    </p:spTree>
    <p:extLst>
      <p:ext uri="{BB962C8B-B14F-4D97-AF65-F5344CB8AC3E}">
        <p14:creationId xmlns:p14="http://schemas.microsoft.com/office/powerpoint/2010/main" val="100938322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a:xfrm>
            <a:off x="381000" y="4473892"/>
            <a:ext cx="6248400" cy="4517708"/>
          </a:xfrm>
        </p:spPr>
        <p:txBody>
          <a:bodyPr/>
          <a:lstStyle/>
          <a:p>
            <a:pPr defTabSz="931637">
              <a:defRPr/>
            </a:pPr>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13</a:t>
            </a:fld>
            <a:endParaRPr lang="en-US"/>
          </a:p>
        </p:txBody>
      </p:sp>
    </p:spTree>
    <p:extLst>
      <p:ext uri="{BB962C8B-B14F-4D97-AF65-F5344CB8AC3E}">
        <p14:creationId xmlns:p14="http://schemas.microsoft.com/office/powerpoint/2010/main" val="199828435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F47B28B-8865-439C-B8E1-23BC2416EBFB}" type="slidenum">
              <a:rPr lang="en-US" smtClean="0">
                <a:solidFill>
                  <a:prstClr val="black"/>
                </a:solidFill>
              </a:rPr>
              <a:pPr/>
              <a:t>14</a:t>
            </a:fld>
            <a:endParaRPr lang="en-US">
              <a:solidFill>
                <a:prstClr val="black"/>
              </a:solidFill>
            </a:endParaRPr>
          </a:p>
        </p:txBody>
      </p:sp>
      <p:sp>
        <p:nvSpPr>
          <p:cNvPr id="7" name="Slide Image Placeholder 6"/>
          <p:cNvSpPr>
            <a:spLocks noGrp="1" noRot="1" noChangeAspect="1"/>
          </p:cNvSpPr>
          <p:nvPr>
            <p:ph type="sldImg"/>
          </p:nvPr>
        </p:nvSpPr>
        <p:spPr/>
      </p:sp>
      <p:sp>
        <p:nvSpPr>
          <p:cNvPr id="3" name="Notes Placeholder 2"/>
          <p:cNvSpPr>
            <a:spLocks noGrp="1"/>
          </p:cNvSpPr>
          <p:nvPr>
            <p:ph type="body" sz="quarter" idx="11"/>
          </p:nvPr>
        </p:nvSpPr>
        <p:spPr/>
        <p:txBody>
          <a:bodyPr/>
          <a:lstStyle/>
          <a:p>
            <a:pPr defTabSz="931637">
              <a:defRPr/>
            </a:pPr>
            <a:endParaRPr lang="en-US" dirty="0"/>
          </a:p>
        </p:txBody>
      </p:sp>
    </p:spTree>
    <p:extLst>
      <p:ext uri="{BB962C8B-B14F-4D97-AF65-F5344CB8AC3E}">
        <p14:creationId xmlns:p14="http://schemas.microsoft.com/office/powerpoint/2010/main" val="52437696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vert="horz" lIns="94934" tIns="47467" rIns="94934" bIns="47467" rtlCol="0"/>
          <a:lstStyle/>
          <a:p>
            <a:pPr marL="171450" lvl="0" indent="-171450">
              <a:buFont typeface="Wingdings" panose="05000000000000000000" pitchFamily="2" charset="2"/>
              <a:buChar char="ü"/>
            </a:pPr>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15</a:t>
            </a:fld>
            <a:endParaRPr lang="en-US"/>
          </a:p>
        </p:txBody>
      </p:sp>
    </p:spTree>
    <p:extLst>
      <p:ext uri="{BB962C8B-B14F-4D97-AF65-F5344CB8AC3E}">
        <p14:creationId xmlns:p14="http://schemas.microsoft.com/office/powerpoint/2010/main" val="362589074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endParaRPr lang="en-US" dirty="0"/>
          </a:p>
        </p:txBody>
      </p:sp>
      <p:sp>
        <p:nvSpPr>
          <p:cNvPr id="4" name="Slide Number Placeholder 3"/>
          <p:cNvSpPr>
            <a:spLocks noGrp="1"/>
          </p:cNvSpPr>
          <p:nvPr>
            <p:ph type="sldNum" sz="quarter" idx="10"/>
          </p:nvPr>
        </p:nvSpPr>
        <p:spPr/>
        <p:txBody>
          <a:bodyPr/>
          <a:lstStyle/>
          <a:p>
            <a:fld id="{B38207D9-6F47-49AD-9E16-D5ACEA5907AE}" type="slidenum">
              <a:rPr lang="en-US" smtClean="0"/>
              <a:t>16</a:t>
            </a:fld>
            <a:endParaRPr lang="en-US"/>
          </a:p>
        </p:txBody>
      </p:sp>
    </p:spTree>
    <p:extLst>
      <p:ext uri="{BB962C8B-B14F-4D97-AF65-F5344CB8AC3E}">
        <p14:creationId xmlns:p14="http://schemas.microsoft.com/office/powerpoint/2010/main" val="332154036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defTabSz="931774">
              <a:buFont typeface="Arial" panose="020B0604020202020204" pitchFamily="34" charset="0"/>
              <a:buChar char="•"/>
              <a:defRPr/>
            </a:pPr>
            <a:endParaRPr lang="en-US" dirty="0"/>
          </a:p>
        </p:txBody>
      </p:sp>
      <p:sp>
        <p:nvSpPr>
          <p:cNvPr id="4" name="Slide Number Placeholder 3"/>
          <p:cNvSpPr>
            <a:spLocks noGrp="1"/>
          </p:cNvSpPr>
          <p:nvPr>
            <p:ph type="sldNum" sz="quarter" idx="10"/>
          </p:nvPr>
        </p:nvSpPr>
        <p:spPr/>
        <p:txBody>
          <a:bodyPr/>
          <a:lstStyle/>
          <a:p>
            <a:fld id="{48F16DFA-BF94-4545-9557-7BC144266CA0}" type="slidenum">
              <a:rPr lang="en-US" smtClean="0"/>
              <a:t>17</a:t>
            </a:fld>
            <a:endParaRPr lang="en-US"/>
          </a:p>
        </p:txBody>
      </p:sp>
    </p:spTree>
    <p:extLst>
      <p:ext uri="{BB962C8B-B14F-4D97-AF65-F5344CB8AC3E}">
        <p14:creationId xmlns:p14="http://schemas.microsoft.com/office/powerpoint/2010/main" val="1651385494"/>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171450" indent="-171450" defTabSz="931774">
              <a:buFont typeface="Arial" panose="020B0604020202020204" pitchFamily="34" charset="0"/>
              <a:buChar char="•"/>
              <a:defRPr/>
            </a:pPr>
            <a:endParaRPr lang="en-US" altLang="ja-JP" dirty="0"/>
          </a:p>
        </p:txBody>
      </p:sp>
      <p:sp>
        <p:nvSpPr>
          <p:cNvPr id="4" name="スライド番号プレースホルダー 3"/>
          <p:cNvSpPr>
            <a:spLocks noGrp="1"/>
          </p:cNvSpPr>
          <p:nvPr>
            <p:ph type="sldNum" sz="quarter" idx="10"/>
          </p:nvPr>
        </p:nvSpPr>
        <p:spPr/>
        <p:txBody>
          <a:bodyPr/>
          <a:lstStyle/>
          <a:p>
            <a:fld id="{48F16DFA-BF94-4545-9557-7BC144266CA0}" type="slidenum">
              <a:rPr lang="en-US" smtClean="0"/>
              <a:t>18</a:t>
            </a:fld>
            <a:endParaRPr lang="en-US"/>
          </a:p>
        </p:txBody>
      </p:sp>
    </p:spTree>
    <p:extLst>
      <p:ext uri="{BB962C8B-B14F-4D97-AF65-F5344CB8AC3E}">
        <p14:creationId xmlns:p14="http://schemas.microsoft.com/office/powerpoint/2010/main" val="1234467567"/>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endParaRPr lang="en-US" dirty="0"/>
          </a:p>
        </p:txBody>
      </p:sp>
      <p:sp>
        <p:nvSpPr>
          <p:cNvPr id="4" name="Slide Number Placeholder 3"/>
          <p:cNvSpPr>
            <a:spLocks noGrp="1"/>
          </p:cNvSpPr>
          <p:nvPr>
            <p:ph type="sldNum" sz="quarter" idx="10"/>
          </p:nvPr>
        </p:nvSpPr>
        <p:spPr/>
        <p:txBody>
          <a:bodyPr/>
          <a:lstStyle/>
          <a:p>
            <a:fld id="{48F16DFA-BF94-4545-9557-7BC144266CA0}" type="slidenum">
              <a:rPr lang="en-US" smtClean="0"/>
              <a:t>19</a:t>
            </a:fld>
            <a:endParaRPr lang="en-US"/>
          </a:p>
        </p:txBody>
      </p:sp>
    </p:spTree>
    <p:extLst>
      <p:ext uri="{BB962C8B-B14F-4D97-AF65-F5344CB8AC3E}">
        <p14:creationId xmlns:p14="http://schemas.microsoft.com/office/powerpoint/2010/main" val="36138524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pPr/>
              <a:t>2</a:t>
            </a:fld>
            <a:endParaRPr lang="en-US" dirty="0"/>
          </a:p>
        </p:txBody>
      </p:sp>
      <p:sp>
        <p:nvSpPr>
          <p:cNvPr id="10" name="Slide Image Placeholder 9"/>
          <p:cNvSpPr>
            <a:spLocks noGrp="1" noRot="1" noChangeAspect="1"/>
          </p:cNvSpPr>
          <p:nvPr>
            <p:ph type="sldImg"/>
          </p:nvPr>
        </p:nvSpPr>
        <p:spPr/>
      </p:sp>
    </p:spTree>
    <p:extLst>
      <p:ext uri="{BB962C8B-B14F-4D97-AF65-F5344CB8AC3E}">
        <p14:creationId xmlns:p14="http://schemas.microsoft.com/office/powerpoint/2010/main" val="232853585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31774">
              <a:defRPr/>
            </a:pPr>
            <a:endParaRPr lang="en-US" dirty="0"/>
          </a:p>
        </p:txBody>
      </p:sp>
      <p:sp>
        <p:nvSpPr>
          <p:cNvPr id="4" name="Slide Number Placeholder 3"/>
          <p:cNvSpPr>
            <a:spLocks noGrp="1"/>
          </p:cNvSpPr>
          <p:nvPr>
            <p:ph type="sldNum" sz="quarter" idx="10"/>
          </p:nvPr>
        </p:nvSpPr>
        <p:spPr/>
        <p:txBody>
          <a:bodyPr/>
          <a:lstStyle/>
          <a:p>
            <a:fld id="{48F16DFA-BF94-4545-9557-7BC144266CA0}" type="slidenum">
              <a:rPr lang="en-US" smtClean="0"/>
              <a:t>20</a:t>
            </a:fld>
            <a:endParaRPr lang="en-US"/>
          </a:p>
        </p:txBody>
      </p:sp>
    </p:spTree>
    <p:extLst>
      <p:ext uri="{BB962C8B-B14F-4D97-AF65-F5344CB8AC3E}">
        <p14:creationId xmlns:p14="http://schemas.microsoft.com/office/powerpoint/2010/main" val="423952791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48F16DFA-BF94-4545-9557-7BC144266CA0}" type="slidenum">
              <a:rPr lang="en-US" smtClean="0"/>
              <a:t>21</a:t>
            </a:fld>
            <a:endParaRPr lang="en-US"/>
          </a:p>
        </p:txBody>
      </p:sp>
    </p:spTree>
    <p:extLst>
      <p:ext uri="{BB962C8B-B14F-4D97-AF65-F5344CB8AC3E}">
        <p14:creationId xmlns:p14="http://schemas.microsoft.com/office/powerpoint/2010/main" val="3279643026"/>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31774">
              <a:defRPr/>
            </a:pPr>
            <a:endParaRPr lang="en-US" dirty="0"/>
          </a:p>
        </p:txBody>
      </p:sp>
      <p:sp>
        <p:nvSpPr>
          <p:cNvPr id="4" name="Slide Number Placeholder 3"/>
          <p:cNvSpPr>
            <a:spLocks noGrp="1"/>
          </p:cNvSpPr>
          <p:nvPr>
            <p:ph type="sldNum" sz="quarter" idx="10"/>
          </p:nvPr>
        </p:nvSpPr>
        <p:spPr/>
        <p:txBody>
          <a:bodyPr/>
          <a:lstStyle/>
          <a:p>
            <a:fld id="{48F16DFA-BF94-4545-9557-7BC144266CA0}" type="slidenum">
              <a:rPr lang="en-US" smtClean="0"/>
              <a:t>22</a:t>
            </a:fld>
            <a:endParaRPr lang="en-US"/>
          </a:p>
        </p:txBody>
      </p:sp>
    </p:spTree>
    <p:extLst>
      <p:ext uri="{BB962C8B-B14F-4D97-AF65-F5344CB8AC3E}">
        <p14:creationId xmlns:p14="http://schemas.microsoft.com/office/powerpoint/2010/main" val="26630290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endParaRPr lang="en-US" dirty="0"/>
          </a:p>
        </p:txBody>
      </p:sp>
      <p:sp>
        <p:nvSpPr>
          <p:cNvPr id="4" name="Slide Number Placeholder 3"/>
          <p:cNvSpPr>
            <a:spLocks noGrp="1"/>
          </p:cNvSpPr>
          <p:nvPr>
            <p:ph type="sldNum" sz="quarter" idx="10"/>
          </p:nvPr>
        </p:nvSpPr>
        <p:spPr/>
        <p:txBody>
          <a:bodyPr/>
          <a:lstStyle/>
          <a:p>
            <a:fld id="{03D1B47A-3224-4DA7-87E6-ED7D0421D6C5}" type="slidenum">
              <a:rPr lang="en-US" smtClean="0"/>
              <a:t>23</a:t>
            </a:fld>
            <a:endParaRPr lang="en-US"/>
          </a:p>
        </p:txBody>
      </p:sp>
    </p:spTree>
    <p:extLst>
      <p:ext uri="{BB962C8B-B14F-4D97-AF65-F5344CB8AC3E}">
        <p14:creationId xmlns:p14="http://schemas.microsoft.com/office/powerpoint/2010/main" val="40570649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endParaRPr lang="en-US" dirty="0"/>
          </a:p>
        </p:txBody>
      </p:sp>
      <p:sp>
        <p:nvSpPr>
          <p:cNvPr id="4" name="Slide Number Placeholder 3"/>
          <p:cNvSpPr>
            <a:spLocks noGrp="1"/>
          </p:cNvSpPr>
          <p:nvPr>
            <p:ph type="sldNum" sz="quarter" idx="10"/>
          </p:nvPr>
        </p:nvSpPr>
        <p:spPr/>
        <p:txBody>
          <a:bodyPr/>
          <a:lstStyle/>
          <a:p>
            <a:fld id="{48F16DFA-BF94-4545-9557-7BC144266CA0}" type="slidenum">
              <a:rPr lang="en-US" smtClean="0"/>
              <a:t>24</a:t>
            </a:fld>
            <a:endParaRPr lang="en-US"/>
          </a:p>
        </p:txBody>
      </p:sp>
    </p:spTree>
    <p:extLst>
      <p:ext uri="{BB962C8B-B14F-4D97-AF65-F5344CB8AC3E}">
        <p14:creationId xmlns:p14="http://schemas.microsoft.com/office/powerpoint/2010/main" val="384570032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lang="en-US" dirty="0"/>
          </a:p>
        </p:txBody>
      </p:sp>
      <p:sp>
        <p:nvSpPr>
          <p:cNvPr id="4" name="Slide Number Placeholder 3"/>
          <p:cNvSpPr>
            <a:spLocks noGrp="1"/>
          </p:cNvSpPr>
          <p:nvPr>
            <p:ph type="sldNum" sz="quarter" idx="10"/>
          </p:nvPr>
        </p:nvSpPr>
        <p:spPr/>
        <p:txBody>
          <a:bodyPr/>
          <a:lstStyle/>
          <a:p>
            <a:fld id="{48F16DFA-BF94-4545-9557-7BC144266CA0}" type="slidenum">
              <a:rPr lang="en-US" smtClean="0"/>
              <a:t>25</a:t>
            </a:fld>
            <a:endParaRPr lang="en-US"/>
          </a:p>
        </p:txBody>
      </p:sp>
    </p:spTree>
    <p:extLst>
      <p:ext uri="{BB962C8B-B14F-4D97-AF65-F5344CB8AC3E}">
        <p14:creationId xmlns:p14="http://schemas.microsoft.com/office/powerpoint/2010/main" val="3552009662"/>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31637">
              <a:defRPr/>
            </a:pPr>
            <a:endParaRPr lang="en-US" dirty="0"/>
          </a:p>
        </p:txBody>
      </p:sp>
      <p:sp>
        <p:nvSpPr>
          <p:cNvPr id="4" name="Slide Number Placeholder 3"/>
          <p:cNvSpPr>
            <a:spLocks noGrp="1"/>
          </p:cNvSpPr>
          <p:nvPr>
            <p:ph type="sldNum" sz="quarter" idx="10"/>
          </p:nvPr>
        </p:nvSpPr>
        <p:spPr/>
        <p:txBody>
          <a:bodyPr/>
          <a:lstStyle/>
          <a:p>
            <a:fld id="{20716DE1-2872-463E-A5DF-F27818EAB124}" type="slidenum">
              <a:rPr lang="en-US" smtClean="0"/>
              <a:t>26</a:t>
            </a:fld>
            <a:endParaRPr lang="en-US" dirty="0"/>
          </a:p>
        </p:txBody>
      </p:sp>
    </p:spTree>
    <p:extLst>
      <p:ext uri="{BB962C8B-B14F-4D97-AF65-F5344CB8AC3E}">
        <p14:creationId xmlns:p14="http://schemas.microsoft.com/office/powerpoint/2010/main" val="316447774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31637">
              <a:defRPr/>
            </a:pPr>
            <a:endParaRPr lang="en-US" dirty="0"/>
          </a:p>
        </p:txBody>
      </p:sp>
      <p:sp>
        <p:nvSpPr>
          <p:cNvPr id="4" name="Slide Number Placeholder 3"/>
          <p:cNvSpPr>
            <a:spLocks noGrp="1"/>
          </p:cNvSpPr>
          <p:nvPr>
            <p:ph type="sldNum" sz="quarter" idx="10"/>
          </p:nvPr>
        </p:nvSpPr>
        <p:spPr/>
        <p:txBody>
          <a:bodyPr/>
          <a:lstStyle/>
          <a:p>
            <a:fld id="{20716DE1-2872-463E-A5DF-F27818EAB124}" type="slidenum">
              <a:rPr lang="en-US" smtClean="0"/>
              <a:t>3</a:t>
            </a:fld>
            <a:endParaRPr lang="en-US" dirty="0"/>
          </a:p>
        </p:txBody>
      </p:sp>
    </p:spTree>
    <p:extLst>
      <p:ext uri="{BB962C8B-B14F-4D97-AF65-F5344CB8AC3E}">
        <p14:creationId xmlns:p14="http://schemas.microsoft.com/office/powerpoint/2010/main" val="262077920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lvl="0" indent="0">
              <a:buFont typeface="Arial" panose="020B0604020202020204" pitchFamily="34" charset="0"/>
              <a:buNone/>
            </a:pPr>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4</a:t>
            </a:fld>
            <a:endParaRPr lang="en-US"/>
          </a:p>
        </p:txBody>
      </p:sp>
    </p:spTree>
    <p:extLst>
      <p:ext uri="{BB962C8B-B14F-4D97-AF65-F5344CB8AC3E}">
        <p14:creationId xmlns:p14="http://schemas.microsoft.com/office/powerpoint/2010/main" val="413091075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5F47B28B-8865-439C-B8E1-23BC2416EBFB}" type="slidenum">
              <a:rPr lang="en-US" smtClean="0">
                <a:solidFill>
                  <a:prstClr val="black"/>
                </a:solidFill>
              </a:rPr>
              <a:pPr/>
              <a:t>5</a:t>
            </a:fld>
            <a:endParaRPr lang="en-US" dirty="0">
              <a:solidFill>
                <a:prstClr val="black"/>
              </a:solidFill>
            </a:endParaRPr>
          </a:p>
        </p:txBody>
      </p:sp>
      <p:sp>
        <p:nvSpPr>
          <p:cNvPr id="7" name="Slide Image Placeholder 6"/>
          <p:cNvSpPr>
            <a:spLocks noGrp="1" noRot="1" noChangeAspect="1"/>
          </p:cNvSpPr>
          <p:nvPr>
            <p:ph type="sldImg"/>
          </p:nvPr>
        </p:nvSpPr>
        <p:spPr/>
      </p:sp>
      <p:sp>
        <p:nvSpPr>
          <p:cNvPr id="3" name="Notes Placeholder 2"/>
          <p:cNvSpPr>
            <a:spLocks noGrp="1"/>
          </p:cNvSpPr>
          <p:nvPr>
            <p:ph type="body" sz="quarter" idx="11"/>
          </p:nvPr>
        </p:nvSpPr>
        <p:spPr/>
        <p:txBody>
          <a:bodyPr/>
          <a:lstStyle/>
          <a:p>
            <a:pPr>
              <a:defRPr/>
            </a:pPr>
            <a:endParaRPr lang="en-US" dirty="0"/>
          </a:p>
        </p:txBody>
      </p:sp>
    </p:spTree>
    <p:extLst>
      <p:ext uri="{BB962C8B-B14F-4D97-AF65-F5344CB8AC3E}">
        <p14:creationId xmlns:p14="http://schemas.microsoft.com/office/powerpoint/2010/main" val="314777411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a:xfrm>
            <a:off x="228601" y="4489387"/>
            <a:ext cx="6477000" cy="4487747"/>
          </a:xfrm>
        </p:spPr>
        <p:txBody>
          <a:bodyPr/>
          <a:lstStyle/>
          <a:p>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6</a:t>
            </a:fld>
            <a:endParaRPr lang="en-US" dirty="0"/>
          </a:p>
        </p:txBody>
      </p:sp>
    </p:spTree>
    <p:extLst>
      <p:ext uri="{BB962C8B-B14F-4D97-AF65-F5344CB8AC3E}">
        <p14:creationId xmlns:p14="http://schemas.microsoft.com/office/powerpoint/2010/main" val="278149614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7</a:t>
            </a:fld>
            <a:endParaRPr lang="en-US"/>
          </a:p>
        </p:txBody>
      </p:sp>
    </p:spTree>
    <p:extLst>
      <p:ext uri="{BB962C8B-B14F-4D97-AF65-F5344CB8AC3E}">
        <p14:creationId xmlns:p14="http://schemas.microsoft.com/office/powerpoint/2010/main" val="55612374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a:xfrm>
            <a:off x="233680" y="4489387"/>
            <a:ext cx="6698827" cy="4253103"/>
          </a:xfrm>
        </p:spPr>
        <p:txBody>
          <a:bodyPr/>
          <a:lstStyle/>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8</a:t>
            </a:fld>
            <a:endParaRPr lang="en-US"/>
          </a:p>
        </p:txBody>
      </p:sp>
    </p:spTree>
    <p:extLst>
      <p:ext uri="{BB962C8B-B14F-4D97-AF65-F5344CB8AC3E}">
        <p14:creationId xmlns:p14="http://schemas.microsoft.com/office/powerpoint/2010/main" val="2943342051"/>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lvl="0" indent="-171450">
              <a:buFont typeface="Arial" panose="020B0604020202020204" pitchFamily="34" charset="0"/>
              <a:buChar char="•"/>
            </a:pPr>
            <a:endParaRPr lang="en-US" dirty="0"/>
          </a:p>
        </p:txBody>
      </p:sp>
      <p:sp>
        <p:nvSpPr>
          <p:cNvPr id="4" name="Slide Number Placeholder 3"/>
          <p:cNvSpPr>
            <a:spLocks noGrp="1"/>
          </p:cNvSpPr>
          <p:nvPr>
            <p:ph type="sldNum" sz="quarter" idx="10"/>
          </p:nvPr>
        </p:nvSpPr>
        <p:spPr/>
        <p:txBody>
          <a:bodyPr/>
          <a:lstStyle/>
          <a:p>
            <a:fld id="{3E4D6D8A-FCB7-4821-97FC-15264EEA624E}" type="slidenum">
              <a:rPr lang="en-US" smtClean="0"/>
              <a:t>9</a:t>
            </a:fld>
            <a:endParaRPr lang="en-US"/>
          </a:p>
        </p:txBody>
      </p:sp>
    </p:spTree>
    <p:extLst>
      <p:ext uri="{BB962C8B-B14F-4D97-AF65-F5344CB8AC3E}">
        <p14:creationId xmlns:p14="http://schemas.microsoft.com/office/powerpoint/2010/main" val="385199943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00.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1.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2.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3.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4.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8.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09.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0.xml.rels><?xml version="1.0" encoding="UTF-8" standalone="yes"?>
<Relationships xmlns="http://schemas.openxmlformats.org/package/2006/relationships"><Relationship Id="rId1" Type="http://schemas.openxmlformats.org/officeDocument/2006/relationships/slideMaster" Target="../slideMasters/slideMaster11.xml"/></Relationships>
</file>

<file path=ppt/slideLayouts/_rels/slideLayout111.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12.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13.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14.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15.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16.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17.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18.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19.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20.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21.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122.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23.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24.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25.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26.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27.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28.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29.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30.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31.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32.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133.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34.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35.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36.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37.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38.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39.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40.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41.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42.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43.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144.xml.rels><?xml version="1.0" encoding="UTF-8" standalone="yes"?>
<Relationships xmlns="http://schemas.openxmlformats.org/package/2006/relationships"><Relationship Id="rId1" Type="http://schemas.openxmlformats.org/officeDocument/2006/relationships/slideMaster" Target="../slideMasters/slideMaster15.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99.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6C6ACC6F-95E2-48ED-A3D8-7D8E9A442704}"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a:xfrm>
            <a:off x="7010400" y="6491557"/>
            <a:ext cx="2133600" cy="365125"/>
          </a:xfrm>
        </p:spPr>
        <p:txBody>
          <a:bodyPr/>
          <a:lstStyle>
            <a:lvl1pPr>
              <a:defRPr/>
            </a:lvl1pPr>
          </a:lstStyle>
          <a:p>
            <a:pPr>
              <a:defRPr/>
            </a:pPr>
            <a:fld id="{BFB43B7B-E789-4629-83D0-7748E49E3CEB}" type="slidenum">
              <a:rPr lang="en-US"/>
              <a:pPr>
                <a:defRPr/>
              </a:pPr>
              <a:t>‹#›</a:t>
            </a:fld>
            <a:endParaRPr lang="en-US"/>
          </a:p>
        </p:txBody>
      </p:sp>
    </p:spTree>
    <p:extLst>
      <p:ext uri="{BB962C8B-B14F-4D97-AF65-F5344CB8AC3E}">
        <p14:creationId xmlns:p14="http://schemas.microsoft.com/office/powerpoint/2010/main" val="131936436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108EFA8B-AE9C-4E72-841A-A8E7A72843DF}"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E644C32C-24FF-456B-9F57-5598F64BFDF0}" type="slidenum">
              <a:rPr lang="en-US"/>
              <a:pPr>
                <a:defRPr/>
              </a:pPr>
              <a:t>‹#›</a:t>
            </a:fld>
            <a:endParaRPr lang="en-US"/>
          </a:p>
        </p:txBody>
      </p:sp>
    </p:spTree>
    <p:extLst>
      <p:ext uri="{BB962C8B-B14F-4D97-AF65-F5344CB8AC3E}">
        <p14:creationId xmlns:p14="http://schemas.microsoft.com/office/powerpoint/2010/main" val="139417458"/>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34E23987-016E-4201-B721-95B5D1FE03FE}"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6BE3BE2B-6B1E-4602-B012-5283D4AC0853}" type="slidenum">
              <a:rPr lang="en-US"/>
              <a:pPr>
                <a:defRPr/>
              </a:pPr>
              <a:t>‹#›</a:t>
            </a:fld>
            <a:endParaRPr lang="en-US"/>
          </a:p>
        </p:txBody>
      </p:sp>
    </p:spTree>
    <p:extLst>
      <p:ext uri="{BB962C8B-B14F-4D97-AF65-F5344CB8AC3E}">
        <p14:creationId xmlns:p14="http://schemas.microsoft.com/office/powerpoint/2010/main" val="904482811"/>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D9441AA5-4955-48D6-89C9-B81A2862419B}"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82B79ABE-B632-4190-B8F9-4845EA3E27FD}" type="slidenum">
              <a:rPr lang="en-US"/>
              <a:pPr>
                <a:defRPr/>
              </a:pPr>
              <a:t>‹#›</a:t>
            </a:fld>
            <a:endParaRPr lang="en-US"/>
          </a:p>
        </p:txBody>
      </p:sp>
    </p:spTree>
    <p:extLst>
      <p:ext uri="{BB962C8B-B14F-4D97-AF65-F5344CB8AC3E}">
        <p14:creationId xmlns:p14="http://schemas.microsoft.com/office/powerpoint/2010/main" val="3489391628"/>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E837C3A5-9331-4925-9752-69E63B55AE9B}"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2EB2E648-8C55-4FEF-9125-9C585F9B3A01}" type="slidenum">
              <a:rPr lang="en-US"/>
              <a:pPr>
                <a:defRPr/>
              </a:pPr>
              <a:t>‹#›</a:t>
            </a:fld>
            <a:endParaRPr lang="en-US"/>
          </a:p>
        </p:txBody>
      </p:sp>
    </p:spTree>
    <p:extLst>
      <p:ext uri="{BB962C8B-B14F-4D97-AF65-F5344CB8AC3E}">
        <p14:creationId xmlns:p14="http://schemas.microsoft.com/office/powerpoint/2010/main" val="1602592716"/>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91A8AD7A-5A2B-422B-AC59-9B70DF4A02EF}"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F922FC8F-BE4B-42AA-B99F-EEE73A70ACDC}" type="slidenum">
              <a:rPr lang="en-US"/>
              <a:pPr>
                <a:defRPr/>
              </a:pPr>
              <a:t>‹#›</a:t>
            </a:fld>
            <a:endParaRPr lang="en-US"/>
          </a:p>
        </p:txBody>
      </p:sp>
    </p:spTree>
    <p:extLst>
      <p:ext uri="{BB962C8B-B14F-4D97-AF65-F5344CB8AC3E}">
        <p14:creationId xmlns:p14="http://schemas.microsoft.com/office/powerpoint/2010/main" val="3158317070"/>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95D14B94-4A25-4C2F-8102-CF3848743E18}"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E08934C6-5F01-47C1-9486-A3A3F0D1D3BD}" type="slidenum">
              <a:rPr lang="en-US"/>
              <a:pPr>
                <a:defRPr/>
              </a:pPr>
              <a:t>‹#›</a:t>
            </a:fld>
            <a:endParaRPr lang="en-US"/>
          </a:p>
        </p:txBody>
      </p:sp>
    </p:spTree>
    <p:extLst>
      <p:ext uri="{BB962C8B-B14F-4D97-AF65-F5344CB8AC3E}">
        <p14:creationId xmlns:p14="http://schemas.microsoft.com/office/powerpoint/2010/main" val="2724107288"/>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1F2F3F73-4C46-45FF-BD36-910638F97FD2}"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5958E732-2E7C-4B2E-8F44-1728729FEF41}" type="slidenum">
              <a:rPr lang="en-US"/>
              <a:pPr>
                <a:defRPr/>
              </a:pPr>
              <a:t>‹#›</a:t>
            </a:fld>
            <a:endParaRPr lang="en-US"/>
          </a:p>
        </p:txBody>
      </p:sp>
    </p:spTree>
    <p:extLst>
      <p:ext uri="{BB962C8B-B14F-4D97-AF65-F5344CB8AC3E}">
        <p14:creationId xmlns:p14="http://schemas.microsoft.com/office/powerpoint/2010/main" val="327732208"/>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98B56586-8EE5-41F5-80A2-475DCE57EE1B}"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056F916E-483E-4DFA-83B4-D497CD653EED}" type="slidenum">
              <a:rPr lang="en-US"/>
              <a:pPr>
                <a:defRPr/>
              </a:pPr>
              <a:t>‹#›</a:t>
            </a:fld>
            <a:endParaRPr lang="en-US"/>
          </a:p>
        </p:txBody>
      </p:sp>
    </p:spTree>
    <p:extLst>
      <p:ext uri="{BB962C8B-B14F-4D97-AF65-F5344CB8AC3E}">
        <p14:creationId xmlns:p14="http://schemas.microsoft.com/office/powerpoint/2010/main" val="3584284091"/>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F11B7790-D966-4781-9DE9-0BD52213715D}"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14895031-12B3-496F-A9C9-E5A698CD77F0}" type="slidenum">
              <a:rPr lang="en-US"/>
              <a:pPr>
                <a:defRPr/>
              </a:pPr>
              <a:t>‹#›</a:t>
            </a:fld>
            <a:endParaRPr lang="en-US"/>
          </a:p>
        </p:txBody>
      </p:sp>
    </p:spTree>
    <p:extLst>
      <p:ext uri="{BB962C8B-B14F-4D97-AF65-F5344CB8AC3E}">
        <p14:creationId xmlns:p14="http://schemas.microsoft.com/office/powerpoint/2010/main" val="246488871"/>
      </p:ext>
    </p:extLst>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220CBC1A-9206-4E95-917E-7BA49C7889DD}"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22C7FD73-5CFE-40F7-9F0F-8E2FE3F0FBBC}" type="slidenum">
              <a:rPr lang="en-US"/>
              <a:pPr>
                <a:defRPr/>
              </a:pPr>
              <a:t>‹#›</a:t>
            </a:fld>
            <a:endParaRPr lang="en-US"/>
          </a:p>
        </p:txBody>
      </p:sp>
    </p:spTree>
    <p:extLst>
      <p:ext uri="{BB962C8B-B14F-4D97-AF65-F5344CB8AC3E}">
        <p14:creationId xmlns:p14="http://schemas.microsoft.com/office/powerpoint/2010/main" val="1941209014"/>
      </p:ext>
    </p:extLst>
  </p:cSld>
  <p:clrMapOvr>
    <a:masterClrMapping/>
  </p:clrMapOvr>
</p:sldLayout>
</file>

<file path=ppt/slideLayouts/slideLayout109.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1D4ED121-FFFE-46BB-822A-75140406D0B8}"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10C539A1-03DF-44A1-B15F-B4FBEC66CBAC}" type="slidenum">
              <a:rPr lang="en-US"/>
              <a:pPr>
                <a:defRPr/>
              </a:pPr>
              <a:t>‹#›</a:t>
            </a:fld>
            <a:endParaRPr lang="en-US"/>
          </a:p>
        </p:txBody>
      </p:sp>
    </p:spTree>
    <p:extLst>
      <p:ext uri="{BB962C8B-B14F-4D97-AF65-F5344CB8AC3E}">
        <p14:creationId xmlns:p14="http://schemas.microsoft.com/office/powerpoint/2010/main" val="78429736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FF5CBD70-2003-45AB-B24B-EECD1755776D}"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8F74AF13-DDE5-4436-B576-F5EB8B1AE50E}" type="slidenum">
              <a:rPr lang="en-US"/>
              <a:pPr>
                <a:defRPr/>
              </a:pPr>
              <a:t>‹#›</a:t>
            </a:fld>
            <a:endParaRPr lang="en-US"/>
          </a:p>
        </p:txBody>
      </p:sp>
    </p:spTree>
    <p:extLst>
      <p:ext uri="{BB962C8B-B14F-4D97-AF65-F5344CB8AC3E}">
        <p14:creationId xmlns:p14="http://schemas.microsoft.com/office/powerpoint/2010/main" val="3425998770"/>
      </p:ext>
    </p:extLst>
  </p:cSld>
  <p:clrMapOvr>
    <a:masterClrMapping/>
  </p:clrMapOvr>
</p:sldLayout>
</file>

<file path=ppt/slideLayouts/slideLayout110.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CE569D8B-F519-41A3-A721-E9E4F7A9B796}"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DC2E55F1-2740-40E9-A9ED-8EF104BA25CA}" type="slidenum">
              <a:rPr lang="en-US"/>
              <a:pPr>
                <a:defRPr/>
              </a:pPr>
              <a:t>‹#›</a:t>
            </a:fld>
            <a:endParaRPr lang="en-US"/>
          </a:p>
        </p:txBody>
      </p:sp>
    </p:spTree>
    <p:extLst>
      <p:ext uri="{BB962C8B-B14F-4D97-AF65-F5344CB8AC3E}">
        <p14:creationId xmlns:p14="http://schemas.microsoft.com/office/powerpoint/2010/main" val="4268552652"/>
      </p:ext>
    </p:extLst>
  </p:cSld>
  <p:clrMapOvr>
    <a:masterClrMapping/>
  </p:clrMapOvr>
</p:sldLayout>
</file>

<file path=ppt/slideLayouts/slideLayout11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24B2913D-41E9-4C01-BDD2-DEDAB7B69A53}"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AE6B5FD4-40B6-4AB8-90E3-54DE7DE90F5D}" type="slidenum">
              <a:rPr lang="en-US"/>
              <a:pPr>
                <a:defRPr/>
              </a:pPr>
              <a:t>‹#›</a:t>
            </a:fld>
            <a:endParaRPr lang="en-US"/>
          </a:p>
        </p:txBody>
      </p:sp>
    </p:spTree>
    <p:extLst>
      <p:ext uri="{BB962C8B-B14F-4D97-AF65-F5344CB8AC3E}">
        <p14:creationId xmlns:p14="http://schemas.microsoft.com/office/powerpoint/2010/main" val="741338092"/>
      </p:ext>
    </p:extLst>
  </p:cSld>
  <p:clrMapOvr>
    <a:masterClrMapping/>
  </p:clrMapOvr>
</p:sldLayout>
</file>

<file path=ppt/slideLayouts/slideLayout11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D8864D98-6987-4D9C-92C8-532B3F542CEB}"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1DA54D4E-42BA-4A07-ACE2-2DEA43314278}" type="slidenum">
              <a:rPr lang="en-US"/>
              <a:pPr>
                <a:defRPr/>
              </a:pPr>
              <a:t>‹#›</a:t>
            </a:fld>
            <a:endParaRPr lang="en-US"/>
          </a:p>
        </p:txBody>
      </p:sp>
    </p:spTree>
    <p:extLst>
      <p:ext uri="{BB962C8B-B14F-4D97-AF65-F5344CB8AC3E}">
        <p14:creationId xmlns:p14="http://schemas.microsoft.com/office/powerpoint/2010/main" val="986142481"/>
      </p:ext>
    </p:extLst>
  </p:cSld>
  <p:clrMapOvr>
    <a:masterClrMapping/>
  </p:clrMapOvr>
</p:sldLayout>
</file>

<file path=ppt/slideLayouts/slideLayout11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E4B5CDFD-0312-4160-B891-97FD9AA9DF43}"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1CD3A497-C0FD-41C0-A33A-B72C64DF3E02}" type="slidenum">
              <a:rPr lang="en-US"/>
              <a:pPr>
                <a:defRPr/>
              </a:pPr>
              <a:t>‹#›</a:t>
            </a:fld>
            <a:endParaRPr lang="en-US"/>
          </a:p>
        </p:txBody>
      </p:sp>
    </p:spTree>
    <p:extLst>
      <p:ext uri="{BB962C8B-B14F-4D97-AF65-F5344CB8AC3E}">
        <p14:creationId xmlns:p14="http://schemas.microsoft.com/office/powerpoint/2010/main" val="950687521"/>
      </p:ext>
    </p:extLst>
  </p:cSld>
  <p:clrMapOvr>
    <a:masterClrMapping/>
  </p:clrMapOvr>
</p:sldLayout>
</file>

<file path=ppt/slideLayouts/slideLayout11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A9CB4BB1-882C-408E-9EB5-1121406018CC}"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3135304E-B4B2-4C1A-B396-550A8A661734}" type="slidenum">
              <a:rPr lang="en-US"/>
              <a:pPr>
                <a:defRPr/>
              </a:pPr>
              <a:t>‹#›</a:t>
            </a:fld>
            <a:endParaRPr lang="en-US"/>
          </a:p>
        </p:txBody>
      </p:sp>
    </p:spTree>
    <p:extLst>
      <p:ext uri="{BB962C8B-B14F-4D97-AF65-F5344CB8AC3E}">
        <p14:creationId xmlns:p14="http://schemas.microsoft.com/office/powerpoint/2010/main" val="1769872358"/>
      </p:ext>
    </p:extLst>
  </p:cSld>
  <p:clrMapOvr>
    <a:masterClrMapping/>
  </p:clrMapOvr>
</p:sldLayout>
</file>

<file path=ppt/slideLayouts/slideLayout11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A9AC7994-AE90-4F36-B4F8-42BC15D1C8CF}"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4150861A-7FC3-4618-91AF-DD79A08BE069}" type="slidenum">
              <a:rPr lang="en-US"/>
              <a:pPr>
                <a:defRPr/>
              </a:pPr>
              <a:t>‹#›</a:t>
            </a:fld>
            <a:endParaRPr lang="en-US"/>
          </a:p>
        </p:txBody>
      </p:sp>
    </p:spTree>
    <p:extLst>
      <p:ext uri="{BB962C8B-B14F-4D97-AF65-F5344CB8AC3E}">
        <p14:creationId xmlns:p14="http://schemas.microsoft.com/office/powerpoint/2010/main" val="2080707085"/>
      </p:ext>
    </p:extLst>
  </p:cSld>
  <p:clrMapOvr>
    <a:masterClrMapping/>
  </p:clrMapOvr>
</p:sldLayout>
</file>

<file path=ppt/slideLayouts/slideLayout11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D9F40224-3D08-4128-B880-81117494FDA8}"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21AB6856-63FB-4455-9FFB-35A515DDFC13}" type="slidenum">
              <a:rPr lang="en-US"/>
              <a:pPr>
                <a:defRPr/>
              </a:pPr>
              <a:t>‹#›</a:t>
            </a:fld>
            <a:endParaRPr lang="en-US"/>
          </a:p>
        </p:txBody>
      </p:sp>
    </p:spTree>
    <p:extLst>
      <p:ext uri="{BB962C8B-B14F-4D97-AF65-F5344CB8AC3E}">
        <p14:creationId xmlns:p14="http://schemas.microsoft.com/office/powerpoint/2010/main" val="3743921414"/>
      </p:ext>
    </p:extLst>
  </p:cSld>
  <p:clrMapOvr>
    <a:masterClrMapping/>
  </p:clrMapOvr>
</p:sldLayout>
</file>

<file path=ppt/slideLayouts/slideLayout11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AF409E73-3A73-482F-933C-29B53F581334}"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5AACEBD7-88F6-4A79-8447-C8B1A265A5E8}" type="slidenum">
              <a:rPr lang="en-US"/>
              <a:pPr>
                <a:defRPr/>
              </a:pPr>
              <a:t>‹#›</a:t>
            </a:fld>
            <a:endParaRPr lang="en-US"/>
          </a:p>
        </p:txBody>
      </p:sp>
    </p:spTree>
    <p:extLst>
      <p:ext uri="{BB962C8B-B14F-4D97-AF65-F5344CB8AC3E}">
        <p14:creationId xmlns:p14="http://schemas.microsoft.com/office/powerpoint/2010/main" val="1846881967"/>
      </p:ext>
    </p:extLst>
  </p:cSld>
  <p:clrMapOvr>
    <a:masterClrMapping/>
  </p:clrMapOvr>
</p:sldLayout>
</file>

<file path=ppt/slideLayouts/slideLayout11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E256EE3C-7594-42C9-AF6B-F434DA95CF5D}"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84E4FB81-228F-4639-8F67-531991E6B34D}" type="slidenum">
              <a:rPr lang="en-US"/>
              <a:pPr>
                <a:defRPr/>
              </a:pPr>
              <a:t>‹#›</a:t>
            </a:fld>
            <a:endParaRPr lang="en-US"/>
          </a:p>
        </p:txBody>
      </p:sp>
    </p:spTree>
    <p:extLst>
      <p:ext uri="{BB962C8B-B14F-4D97-AF65-F5344CB8AC3E}">
        <p14:creationId xmlns:p14="http://schemas.microsoft.com/office/powerpoint/2010/main" val="4180211410"/>
      </p:ext>
    </p:extLst>
  </p:cSld>
  <p:clrMapOvr>
    <a:masterClrMapping/>
  </p:clrMapOvr>
</p:sldLayout>
</file>

<file path=ppt/slideLayouts/slideLayout11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BEC47CAB-2494-42CC-82FF-775B03329052}"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A02D176C-8187-43B6-9ECA-7CBFEFEF2D0C}" type="slidenum">
              <a:rPr lang="en-US"/>
              <a:pPr>
                <a:defRPr/>
              </a:pPr>
              <a:t>‹#›</a:t>
            </a:fld>
            <a:endParaRPr lang="en-US"/>
          </a:p>
        </p:txBody>
      </p:sp>
    </p:spTree>
    <p:extLst>
      <p:ext uri="{BB962C8B-B14F-4D97-AF65-F5344CB8AC3E}">
        <p14:creationId xmlns:p14="http://schemas.microsoft.com/office/powerpoint/2010/main" val="1034539160"/>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3C35C016-F890-4058-9E38-65F066F339B2}"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3031C869-3AA3-4B9C-AE0C-36F443391FD4}" type="slidenum">
              <a:rPr lang="en-US"/>
              <a:pPr>
                <a:defRPr/>
              </a:pPr>
              <a:t>‹#›</a:t>
            </a:fld>
            <a:endParaRPr lang="en-US"/>
          </a:p>
        </p:txBody>
      </p:sp>
    </p:spTree>
    <p:extLst>
      <p:ext uri="{BB962C8B-B14F-4D97-AF65-F5344CB8AC3E}">
        <p14:creationId xmlns:p14="http://schemas.microsoft.com/office/powerpoint/2010/main" val="750768326"/>
      </p:ext>
    </p:extLst>
  </p:cSld>
  <p:clrMapOvr>
    <a:masterClrMapping/>
  </p:clrMapOvr>
</p:sldLayout>
</file>

<file path=ppt/slideLayouts/slideLayout12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3A9743F0-0B29-478B-9F68-FC23E0805AB1}"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13E084D0-ECFC-4B83-B21A-BE15491839A9}" type="slidenum">
              <a:rPr lang="en-US"/>
              <a:pPr>
                <a:defRPr/>
              </a:pPr>
              <a:t>‹#›</a:t>
            </a:fld>
            <a:endParaRPr lang="en-US"/>
          </a:p>
        </p:txBody>
      </p:sp>
    </p:spTree>
    <p:extLst>
      <p:ext uri="{BB962C8B-B14F-4D97-AF65-F5344CB8AC3E}">
        <p14:creationId xmlns:p14="http://schemas.microsoft.com/office/powerpoint/2010/main" val="2561790579"/>
      </p:ext>
    </p:extLst>
  </p:cSld>
  <p:clrMapOvr>
    <a:masterClrMapping/>
  </p:clrMapOvr>
</p:sldLayout>
</file>

<file path=ppt/slideLayouts/slideLayout12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730566A7-3D78-49E4-9E92-3FD0CAADF190}"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3064F745-FDBA-4C4B-9F37-98E06EECF541}" type="slidenum">
              <a:rPr lang="en-US"/>
              <a:pPr>
                <a:defRPr/>
              </a:pPr>
              <a:t>‹#›</a:t>
            </a:fld>
            <a:endParaRPr lang="en-US"/>
          </a:p>
        </p:txBody>
      </p:sp>
    </p:spTree>
    <p:extLst>
      <p:ext uri="{BB962C8B-B14F-4D97-AF65-F5344CB8AC3E}">
        <p14:creationId xmlns:p14="http://schemas.microsoft.com/office/powerpoint/2010/main" val="491812968"/>
      </p:ext>
    </p:extLst>
  </p:cSld>
  <p:clrMapOvr>
    <a:masterClrMapping/>
  </p:clrMapOvr>
</p:sldLayout>
</file>

<file path=ppt/slideLayouts/slideLayout12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7E02720F-025C-4548-9A1F-0B4F0475425D}"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CA24993C-1F4F-4553-930B-7C119E6578F9}" type="slidenum">
              <a:rPr lang="en-US"/>
              <a:pPr>
                <a:defRPr/>
              </a:pPr>
              <a:t>‹#›</a:t>
            </a:fld>
            <a:endParaRPr lang="en-US"/>
          </a:p>
        </p:txBody>
      </p:sp>
    </p:spTree>
    <p:extLst>
      <p:ext uri="{BB962C8B-B14F-4D97-AF65-F5344CB8AC3E}">
        <p14:creationId xmlns:p14="http://schemas.microsoft.com/office/powerpoint/2010/main" val="499053111"/>
      </p:ext>
    </p:extLst>
  </p:cSld>
  <p:clrMapOvr>
    <a:masterClrMapping/>
  </p:clrMapOvr>
</p:sldLayout>
</file>

<file path=ppt/slideLayouts/slideLayout12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99C54975-BF75-44A9-AA43-C83120A46D03}"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9265C9A8-CB76-46E7-A2C1-A0C8968796FA}" type="slidenum">
              <a:rPr lang="en-US"/>
              <a:pPr>
                <a:defRPr/>
              </a:pPr>
              <a:t>‹#›</a:t>
            </a:fld>
            <a:endParaRPr lang="en-US"/>
          </a:p>
        </p:txBody>
      </p:sp>
    </p:spTree>
    <p:extLst>
      <p:ext uri="{BB962C8B-B14F-4D97-AF65-F5344CB8AC3E}">
        <p14:creationId xmlns:p14="http://schemas.microsoft.com/office/powerpoint/2010/main" val="2727826364"/>
      </p:ext>
    </p:extLst>
  </p:cSld>
  <p:clrMapOvr>
    <a:masterClrMapping/>
  </p:clrMapOvr>
</p:sldLayout>
</file>

<file path=ppt/slideLayouts/slideLayout12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145D3B1F-54B7-4C20-9E2C-B2E7669E5167}"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7953C297-0134-43BE-9F8E-71AE20815B41}" type="slidenum">
              <a:rPr lang="en-US"/>
              <a:pPr>
                <a:defRPr/>
              </a:pPr>
              <a:t>‹#›</a:t>
            </a:fld>
            <a:endParaRPr lang="en-US"/>
          </a:p>
        </p:txBody>
      </p:sp>
    </p:spTree>
    <p:extLst>
      <p:ext uri="{BB962C8B-B14F-4D97-AF65-F5344CB8AC3E}">
        <p14:creationId xmlns:p14="http://schemas.microsoft.com/office/powerpoint/2010/main" val="1738469791"/>
      </p:ext>
    </p:extLst>
  </p:cSld>
  <p:clrMapOvr>
    <a:masterClrMapping/>
  </p:clrMapOvr>
</p:sldLayout>
</file>

<file path=ppt/slideLayouts/slideLayout12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84132389-E3FE-4947-99CE-AF17B705AB17}"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38D97BDB-A962-45DE-A4B7-A7479DCE1F65}" type="slidenum">
              <a:rPr lang="en-US"/>
              <a:pPr>
                <a:defRPr/>
              </a:pPr>
              <a:t>‹#›</a:t>
            </a:fld>
            <a:endParaRPr lang="en-US"/>
          </a:p>
        </p:txBody>
      </p:sp>
    </p:spTree>
    <p:extLst>
      <p:ext uri="{BB962C8B-B14F-4D97-AF65-F5344CB8AC3E}">
        <p14:creationId xmlns:p14="http://schemas.microsoft.com/office/powerpoint/2010/main" val="3109116927"/>
      </p:ext>
    </p:extLst>
  </p:cSld>
  <p:clrMapOvr>
    <a:masterClrMapping/>
  </p:clrMapOvr>
</p:sldLayout>
</file>

<file path=ppt/slideLayouts/slideLayout12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350B9686-0016-42E6-BE6D-33771263A81C}"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BB048FED-2D3F-473A-9110-344B49681C8F}" type="slidenum">
              <a:rPr lang="en-US"/>
              <a:pPr>
                <a:defRPr/>
              </a:pPr>
              <a:t>‹#›</a:t>
            </a:fld>
            <a:endParaRPr lang="en-US"/>
          </a:p>
        </p:txBody>
      </p:sp>
    </p:spTree>
    <p:extLst>
      <p:ext uri="{BB962C8B-B14F-4D97-AF65-F5344CB8AC3E}">
        <p14:creationId xmlns:p14="http://schemas.microsoft.com/office/powerpoint/2010/main" val="101601498"/>
      </p:ext>
    </p:extLst>
  </p:cSld>
  <p:clrMapOvr>
    <a:masterClrMapping/>
  </p:clrMapOvr>
</p:sldLayout>
</file>

<file path=ppt/slideLayouts/slideLayout12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831713EF-AC85-436F-9585-EB0A4C6A3908}"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7024E318-AF6A-42A4-8AD8-4BF3D67DFE0B}" type="slidenum">
              <a:rPr lang="en-US"/>
              <a:pPr>
                <a:defRPr/>
              </a:pPr>
              <a:t>‹#›</a:t>
            </a:fld>
            <a:endParaRPr lang="en-US"/>
          </a:p>
        </p:txBody>
      </p:sp>
    </p:spTree>
    <p:extLst>
      <p:ext uri="{BB962C8B-B14F-4D97-AF65-F5344CB8AC3E}">
        <p14:creationId xmlns:p14="http://schemas.microsoft.com/office/powerpoint/2010/main" val="3348921595"/>
      </p:ext>
    </p:extLst>
  </p:cSld>
  <p:clrMapOvr>
    <a:masterClrMapping/>
  </p:clrMapOvr>
</p:sldLayout>
</file>

<file path=ppt/slideLayouts/slideLayout12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CE940A2D-DAB7-4AC9-8364-D50D420E944E}"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31DFF5E0-8122-4457-A037-B8600DFDBE1C}" type="slidenum">
              <a:rPr lang="en-US"/>
              <a:pPr>
                <a:defRPr/>
              </a:pPr>
              <a:t>‹#›</a:t>
            </a:fld>
            <a:endParaRPr lang="en-US"/>
          </a:p>
        </p:txBody>
      </p:sp>
    </p:spTree>
    <p:extLst>
      <p:ext uri="{BB962C8B-B14F-4D97-AF65-F5344CB8AC3E}">
        <p14:creationId xmlns:p14="http://schemas.microsoft.com/office/powerpoint/2010/main" val="813760786"/>
      </p:ext>
    </p:extLst>
  </p:cSld>
  <p:clrMapOvr>
    <a:masterClrMapping/>
  </p:clrMapOvr>
</p:sldLayout>
</file>

<file path=ppt/slideLayouts/slideLayout12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8E34BC6F-2C3F-4DD2-80BE-51762AA35D61}"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F396EFA3-7BE6-42A7-909C-AAC2ACA0D793}" type="slidenum">
              <a:rPr lang="en-US"/>
              <a:pPr>
                <a:defRPr/>
              </a:pPr>
              <a:t>‹#›</a:t>
            </a:fld>
            <a:endParaRPr lang="en-US"/>
          </a:p>
        </p:txBody>
      </p:sp>
    </p:spTree>
    <p:extLst>
      <p:ext uri="{BB962C8B-B14F-4D97-AF65-F5344CB8AC3E}">
        <p14:creationId xmlns:p14="http://schemas.microsoft.com/office/powerpoint/2010/main" val="185096991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15D1BFB3-A475-4738-81A0-7FDE220E2A09}"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86E68201-B1BF-4C27-A11D-6891C16C9B80}" type="slidenum">
              <a:rPr lang="en-US"/>
              <a:pPr>
                <a:defRPr/>
              </a:pPr>
              <a:t>‹#›</a:t>
            </a:fld>
            <a:endParaRPr lang="en-US"/>
          </a:p>
        </p:txBody>
      </p:sp>
    </p:spTree>
    <p:extLst>
      <p:ext uri="{BB962C8B-B14F-4D97-AF65-F5344CB8AC3E}">
        <p14:creationId xmlns:p14="http://schemas.microsoft.com/office/powerpoint/2010/main" val="3517986432"/>
      </p:ext>
    </p:extLst>
  </p:cSld>
  <p:clrMapOvr>
    <a:masterClrMapping/>
  </p:clrMapOvr>
</p:sldLayout>
</file>

<file path=ppt/slideLayouts/slideLayout13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5CCD7006-5D5E-4CC9-A937-F2BED2620313}"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94B7BE11-C711-4E53-A2C8-9191832DA69D}" type="slidenum">
              <a:rPr lang="en-US"/>
              <a:pPr>
                <a:defRPr/>
              </a:pPr>
              <a:t>‹#›</a:t>
            </a:fld>
            <a:endParaRPr lang="en-US"/>
          </a:p>
        </p:txBody>
      </p:sp>
    </p:spTree>
    <p:extLst>
      <p:ext uri="{BB962C8B-B14F-4D97-AF65-F5344CB8AC3E}">
        <p14:creationId xmlns:p14="http://schemas.microsoft.com/office/powerpoint/2010/main" val="3806510122"/>
      </p:ext>
    </p:extLst>
  </p:cSld>
  <p:clrMapOvr>
    <a:masterClrMapping/>
  </p:clrMapOvr>
</p:sldLayout>
</file>

<file path=ppt/slideLayouts/slideLayout13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FA2348A5-17BE-428A-9C3C-446733F2D68A}"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9A9F2AA6-3AAB-4DB5-BBE1-8D29362635FF}" type="slidenum">
              <a:rPr lang="en-US"/>
              <a:pPr>
                <a:defRPr/>
              </a:pPr>
              <a:t>‹#›</a:t>
            </a:fld>
            <a:endParaRPr lang="en-US"/>
          </a:p>
        </p:txBody>
      </p:sp>
    </p:spTree>
    <p:extLst>
      <p:ext uri="{BB962C8B-B14F-4D97-AF65-F5344CB8AC3E}">
        <p14:creationId xmlns:p14="http://schemas.microsoft.com/office/powerpoint/2010/main" val="3925447897"/>
      </p:ext>
    </p:extLst>
  </p:cSld>
  <p:clrMapOvr>
    <a:masterClrMapping/>
  </p:clrMapOvr>
</p:sldLayout>
</file>

<file path=ppt/slideLayouts/slideLayout13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750059D9-703D-41D0-923C-3728CF2E9A14}"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104A9DC1-EF29-42E9-9C3C-7A00C07A5951}" type="slidenum">
              <a:rPr lang="en-US"/>
              <a:pPr>
                <a:defRPr/>
              </a:pPr>
              <a:t>‹#›</a:t>
            </a:fld>
            <a:endParaRPr lang="en-US"/>
          </a:p>
        </p:txBody>
      </p:sp>
    </p:spTree>
    <p:extLst>
      <p:ext uri="{BB962C8B-B14F-4D97-AF65-F5344CB8AC3E}">
        <p14:creationId xmlns:p14="http://schemas.microsoft.com/office/powerpoint/2010/main" val="486907098"/>
      </p:ext>
    </p:extLst>
  </p:cSld>
  <p:clrMapOvr>
    <a:masterClrMapping/>
  </p:clrMapOvr>
</p:sldLayout>
</file>

<file path=ppt/slideLayouts/slideLayout13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A368DCEA-89C1-4EAB-8A57-D04FD2A555AF}"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AD897344-B9BF-446A-A392-9DEC8A54B075}" type="slidenum">
              <a:rPr lang="en-US"/>
              <a:pPr>
                <a:defRPr/>
              </a:pPr>
              <a:t>‹#›</a:t>
            </a:fld>
            <a:endParaRPr lang="en-US"/>
          </a:p>
        </p:txBody>
      </p:sp>
    </p:spTree>
    <p:extLst>
      <p:ext uri="{BB962C8B-B14F-4D97-AF65-F5344CB8AC3E}">
        <p14:creationId xmlns:p14="http://schemas.microsoft.com/office/powerpoint/2010/main" val="163700993"/>
      </p:ext>
    </p:extLst>
  </p:cSld>
  <p:clrMapOvr>
    <a:masterClrMapping/>
  </p:clrMapOvr>
</p:sldLayout>
</file>

<file path=ppt/slideLayouts/slideLayout13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EA6CF555-3921-4FA6-B37D-7FC199F1F319}"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DA66A25C-83DF-4328-AF01-C0E8D3B5B936}" type="slidenum">
              <a:rPr lang="en-US"/>
              <a:pPr>
                <a:defRPr/>
              </a:pPr>
              <a:t>‹#›</a:t>
            </a:fld>
            <a:endParaRPr lang="en-US"/>
          </a:p>
        </p:txBody>
      </p:sp>
    </p:spTree>
    <p:extLst>
      <p:ext uri="{BB962C8B-B14F-4D97-AF65-F5344CB8AC3E}">
        <p14:creationId xmlns:p14="http://schemas.microsoft.com/office/powerpoint/2010/main" val="656788404"/>
      </p:ext>
    </p:extLst>
  </p:cSld>
  <p:clrMapOvr>
    <a:masterClrMapping/>
  </p:clrMapOvr>
</p:sldLayout>
</file>

<file path=ppt/slideLayouts/slideLayout13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455CC48E-19FB-4E4C-84B6-5DC0EFBA70B6}"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AED317FB-169A-472D-886C-6C03BF967001}" type="slidenum">
              <a:rPr lang="en-US"/>
              <a:pPr>
                <a:defRPr/>
              </a:pPr>
              <a:t>‹#›</a:t>
            </a:fld>
            <a:endParaRPr lang="en-US"/>
          </a:p>
        </p:txBody>
      </p:sp>
    </p:spTree>
    <p:extLst>
      <p:ext uri="{BB962C8B-B14F-4D97-AF65-F5344CB8AC3E}">
        <p14:creationId xmlns:p14="http://schemas.microsoft.com/office/powerpoint/2010/main" val="3399189732"/>
      </p:ext>
    </p:extLst>
  </p:cSld>
  <p:clrMapOvr>
    <a:masterClrMapping/>
  </p:clrMapOvr>
</p:sldLayout>
</file>

<file path=ppt/slideLayouts/slideLayout13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87E577AF-BD0C-4E6A-BE25-7A75A4D8B0F3}"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84753FA3-E855-4ADB-A54A-C6ECDD17B578}" type="slidenum">
              <a:rPr lang="en-US"/>
              <a:pPr>
                <a:defRPr/>
              </a:pPr>
              <a:t>‹#›</a:t>
            </a:fld>
            <a:endParaRPr lang="en-US"/>
          </a:p>
        </p:txBody>
      </p:sp>
    </p:spTree>
    <p:extLst>
      <p:ext uri="{BB962C8B-B14F-4D97-AF65-F5344CB8AC3E}">
        <p14:creationId xmlns:p14="http://schemas.microsoft.com/office/powerpoint/2010/main" val="2479926337"/>
      </p:ext>
    </p:extLst>
  </p:cSld>
  <p:clrMapOvr>
    <a:masterClrMapping/>
  </p:clrMapOvr>
</p:sldLayout>
</file>

<file path=ppt/slideLayouts/slideLayout13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1863F801-8F84-4D48-8FF7-AEE3191894E5}"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47C829DC-68AA-4B92-B2E2-30F977C21CD4}" type="slidenum">
              <a:rPr lang="en-US"/>
              <a:pPr>
                <a:defRPr/>
              </a:pPr>
              <a:t>‹#›</a:t>
            </a:fld>
            <a:endParaRPr lang="en-US"/>
          </a:p>
        </p:txBody>
      </p:sp>
    </p:spTree>
    <p:extLst>
      <p:ext uri="{BB962C8B-B14F-4D97-AF65-F5344CB8AC3E}">
        <p14:creationId xmlns:p14="http://schemas.microsoft.com/office/powerpoint/2010/main" val="142929746"/>
      </p:ext>
    </p:extLst>
  </p:cSld>
  <p:clrMapOvr>
    <a:masterClrMapping/>
  </p:clrMapOvr>
</p:sldLayout>
</file>

<file path=ppt/slideLayouts/slideLayout13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BCA0FE98-E18B-47BC-93D5-6B2ED5762B15}"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2E272207-8E9B-4FCA-BDC8-1C3CDD12B0BA}" type="slidenum">
              <a:rPr lang="en-US"/>
              <a:pPr>
                <a:defRPr/>
              </a:pPr>
              <a:t>‹#›</a:t>
            </a:fld>
            <a:endParaRPr lang="en-US"/>
          </a:p>
        </p:txBody>
      </p:sp>
    </p:spTree>
    <p:extLst>
      <p:ext uri="{BB962C8B-B14F-4D97-AF65-F5344CB8AC3E}">
        <p14:creationId xmlns:p14="http://schemas.microsoft.com/office/powerpoint/2010/main" val="1388961229"/>
      </p:ext>
    </p:extLst>
  </p:cSld>
  <p:clrMapOvr>
    <a:masterClrMapping/>
  </p:clrMapOvr>
</p:sldLayout>
</file>

<file path=ppt/slideLayouts/slideLayout13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B76BC5E1-F2F0-4F7B-A116-AF24C565A0B0}"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C5EA56BE-7103-49F5-BE1E-A4954D7E90CD}" type="slidenum">
              <a:rPr lang="en-US"/>
              <a:pPr>
                <a:defRPr/>
              </a:pPr>
              <a:t>‹#›</a:t>
            </a:fld>
            <a:endParaRPr lang="en-US"/>
          </a:p>
        </p:txBody>
      </p:sp>
    </p:spTree>
    <p:extLst>
      <p:ext uri="{BB962C8B-B14F-4D97-AF65-F5344CB8AC3E}">
        <p14:creationId xmlns:p14="http://schemas.microsoft.com/office/powerpoint/2010/main" val="3091240297"/>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CDDD8BF3-7E7A-443A-84E3-78BDBBEF8C00}"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54C558F1-684D-45F7-A0AD-05822F21B80E}" type="slidenum">
              <a:rPr lang="en-US"/>
              <a:pPr>
                <a:defRPr/>
              </a:pPr>
              <a:t>‹#›</a:t>
            </a:fld>
            <a:endParaRPr lang="en-US"/>
          </a:p>
        </p:txBody>
      </p:sp>
    </p:spTree>
    <p:extLst>
      <p:ext uri="{BB962C8B-B14F-4D97-AF65-F5344CB8AC3E}">
        <p14:creationId xmlns:p14="http://schemas.microsoft.com/office/powerpoint/2010/main" val="2016423961"/>
      </p:ext>
    </p:extLst>
  </p:cSld>
  <p:clrMapOvr>
    <a:masterClrMapping/>
  </p:clrMapOvr>
</p:sldLayout>
</file>

<file path=ppt/slideLayouts/slideLayout14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36A0B1EF-BCD6-411D-BF25-733BFAFB7738}"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4DFCDC63-05F9-4CD6-9FE5-0AE10E8A7F56}" type="slidenum">
              <a:rPr lang="en-US"/>
              <a:pPr>
                <a:defRPr/>
              </a:pPr>
              <a:t>‹#›</a:t>
            </a:fld>
            <a:endParaRPr lang="en-US"/>
          </a:p>
        </p:txBody>
      </p:sp>
    </p:spTree>
    <p:extLst>
      <p:ext uri="{BB962C8B-B14F-4D97-AF65-F5344CB8AC3E}">
        <p14:creationId xmlns:p14="http://schemas.microsoft.com/office/powerpoint/2010/main" val="2196208715"/>
      </p:ext>
    </p:extLst>
  </p:cSld>
  <p:clrMapOvr>
    <a:masterClrMapping/>
  </p:clrMapOvr>
</p:sldLayout>
</file>

<file path=ppt/slideLayouts/slideLayout14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7B0689E9-75F5-42EE-A353-D5FA03F716F7}"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CB2989C9-2340-4A66-9FB5-0360C722382C}" type="slidenum">
              <a:rPr lang="en-US"/>
              <a:pPr>
                <a:defRPr/>
              </a:pPr>
              <a:t>‹#›</a:t>
            </a:fld>
            <a:endParaRPr lang="en-US"/>
          </a:p>
        </p:txBody>
      </p:sp>
    </p:spTree>
    <p:extLst>
      <p:ext uri="{BB962C8B-B14F-4D97-AF65-F5344CB8AC3E}">
        <p14:creationId xmlns:p14="http://schemas.microsoft.com/office/powerpoint/2010/main" val="4086638422"/>
      </p:ext>
    </p:extLst>
  </p:cSld>
  <p:clrMapOvr>
    <a:masterClrMapping/>
  </p:clrMapOvr>
</p:sldLayout>
</file>

<file path=ppt/slideLayouts/slideLayout14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FE01916F-7053-428E-A0AF-6FA615D5B862}"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B02A5A3E-11CE-40EF-B7FC-A29EF4FE8356}" type="slidenum">
              <a:rPr lang="en-US"/>
              <a:pPr>
                <a:defRPr/>
              </a:pPr>
              <a:t>‹#›</a:t>
            </a:fld>
            <a:endParaRPr lang="en-US"/>
          </a:p>
        </p:txBody>
      </p:sp>
    </p:spTree>
    <p:extLst>
      <p:ext uri="{BB962C8B-B14F-4D97-AF65-F5344CB8AC3E}">
        <p14:creationId xmlns:p14="http://schemas.microsoft.com/office/powerpoint/2010/main" val="2979416351"/>
      </p:ext>
    </p:extLst>
  </p:cSld>
  <p:clrMapOvr>
    <a:masterClrMapping/>
  </p:clrMapOvr>
</p:sldLayout>
</file>

<file path=ppt/slideLayouts/slideLayout14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1B08D42B-C9C0-427F-BAD4-5CD4E89DA429}"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A4E0FFC4-5A00-48AC-8946-7338B70DD8EE}" type="slidenum">
              <a:rPr lang="en-US"/>
              <a:pPr>
                <a:defRPr/>
              </a:pPr>
              <a:t>‹#›</a:t>
            </a:fld>
            <a:endParaRPr lang="en-US"/>
          </a:p>
        </p:txBody>
      </p:sp>
    </p:spTree>
    <p:extLst>
      <p:ext uri="{BB962C8B-B14F-4D97-AF65-F5344CB8AC3E}">
        <p14:creationId xmlns:p14="http://schemas.microsoft.com/office/powerpoint/2010/main" val="1473031846"/>
      </p:ext>
    </p:extLst>
  </p:cSld>
  <p:clrMapOvr>
    <a:masterClrMapping/>
  </p:clrMapOvr>
</p:sldLayout>
</file>

<file path=ppt/slideLayouts/slideLayout14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413133414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CA5DDB95-6361-4FD3-A27B-9E9351D9BA9C}"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9641E4CC-CE55-4977-AFAE-76AFB3AF8256}" type="slidenum">
              <a:rPr lang="en-US"/>
              <a:pPr>
                <a:defRPr/>
              </a:pPr>
              <a:t>‹#›</a:t>
            </a:fld>
            <a:endParaRPr lang="en-US"/>
          </a:p>
        </p:txBody>
      </p:sp>
    </p:spTree>
    <p:extLst>
      <p:ext uri="{BB962C8B-B14F-4D97-AF65-F5344CB8AC3E}">
        <p14:creationId xmlns:p14="http://schemas.microsoft.com/office/powerpoint/2010/main" val="144006575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DD019030-5962-4F7C-B706-31CAD1FE0E80}"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619EF24E-D1E4-46EA-8CEE-18C22700530B}" type="slidenum">
              <a:rPr lang="en-US"/>
              <a:pPr>
                <a:defRPr/>
              </a:pPr>
              <a:t>‹#›</a:t>
            </a:fld>
            <a:endParaRPr lang="en-US"/>
          </a:p>
        </p:txBody>
      </p:sp>
    </p:spTree>
    <p:extLst>
      <p:ext uri="{BB962C8B-B14F-4D97-AF65-F5344CB8AC3E}">
        <p14:creationId xmlns:p14="http://schemas.microsoft.com/office/powerpoint/2010/main" val="322992790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15836377-F394-46AD-B38F-67083B5C0AFB}"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E719E9A4-BC56-43EE-98D9-A5DC21555020}" type="slidenum">
              <a:rPr lang="en-US"/>
              <a:pPr>
                <a:defRPr/>
              </a:pPr>
              <a:t>‹#›</a:t>
            </a:fld>
            <a:endParaRPr lang="en-US"/>
          </a:p>
        </p:txBody>
      </p:sp>
    </p:spTree>
    <p:extLst>
      <p:ext uri="{BB962C8B-B14F-4D97-AF65-F5344CB8AC3E}">
        <p14:creationId xmlns:p14="http://schemas.microsoft.com/office/powerpoint/2010/main" val="3234874509"/>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24AAD75A-843E-4B89-A9B8-C6B40C3D22FC}"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3AB40E4B-4021-4D5A-BA5C-F5A4859A67F6}" type="slidenum">
              <a:rPr lang="en-US"/>
              <a:pPr>
                <a:defRPr/>
              </a:pPr>
              <a:t>‹#›</a:t>
            </a:fld>
            <a:endParaRPr lang="en-US"/>
          </a:p>
        </p:txBody>
      </p:sp>
    </p:spTree>
    <p:extLst>
      <p:ext uri="{BB962C8B-B14F-4D97-AF65-F5344CB8AC3E}">
        <p14:creationId xmlns:p14="http://schemas.microsoft.com/office/powerpoint/2010/main" val="2474099384"/>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79DAE889-F579-4BB6-966F-0B39E2F52ADB}"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E645319A-FA35-4027-91D8-8E6F7AFC22FB}" type="slidenum">
              <a:rPr lang="en-US"/>
              <a:pPr>
                <a:defRPr/>
              </a:pPr>
              <a:t>‹#›</a:t>
            </a:fld>
            <a:endParaRPr lang="en-US"/>
          </a:p>
        </p:txBody>
      </p:sp>
    </p:spTree>
    <p:extLst>
      <p:ext uri="{BB962C8B-B14F-4D97-AF65-F5344CB8AC3E}">
        <p14:creationId xmlns:p14="http://schemas.microsoft.com/office/powerpoint/2010/main" val="226819895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83EE4F45-FFAF-4B20-BFF7-A9F8A36F6D8A}"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EB636F3F-352D-4FA8-BF19-FD5DCDA11699}" type="slidenum">
              <a:rPr lang="en-US"/>
              <a:pPr>
                <a:defRPr/>
              </a:pPr>
              <a:t>‹#›</a:t>
            </a:fld>
            <a:endParaRPr lang="en-US"/>
          </a:p>
        </p:txBody>
      </p:sp>
    </p:spTree>
    <p:extLst>
      <p:ext uri="{BB962C8B-B14F-4D97-AF65-F5344CB8AC3E}">
        <p14:creationId xmlns:p14="http://schemas.microsoft.com/office/powerpoint/2010/main" val="477803373"/>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9175F3E0-11DE-4F53-86CD-E3021AF1B932}"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276F3475-AF6D-4B31-BC8B-64AE026DBE33}" type="slidenum">
              <a:rPr lang="en-US"/>
              <a:pPr>
                <a:defRPr/>
              </a:pPr>
              <a:t>‹#›</a:t>
            </a:fld>
            <a:endParaRPr lang="en-US"/>
          </a:p>
        </p:txBody>
      </p:sp>
    </p:spTree>
    <p:extLst>
      <p:ext uri="{BB962C8B-B14F-4D97-AF65-F5344CB8AC3E}">
        <p14:creationId xmlns:p14="http://schemas.microsoft.com/office/powerpoint/2010/main" val="26606501"/>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9ADDDBF4-AA0F-42C9-8D68-050B625F9E8E}"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E9EDC9AA-96BB-4B5E-B4CF-69D83B46175A}" type="slidenum">
              <a:rPr lang="en-US"/>
              <a:pPr>
                <a:defRPr/>
              </a:pPr>
              <a:t>‹#›</a:t>
            </a:fld>
            <a:endParaRPr lang="en-US"/>
          </a:p>
        </p:txBody>
      </p:sp>
    </p:spTree>
    <p:extLst>
      <p:ext uri="{BB962C8B-B14F-4D97-AF65-F5344CB8AC3E}">
        <p14:creationId xmlns:p14="http://schemas.microsoft.com/office/powerpoint/2010/main" val="115451097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E48E06AB-C39B-48C3-84B5-6F4EED2EC3C3}"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CEDC621F-BCB3-48B4-AFC2-235E623970B2}" type="slidenum">
              <a:rPr lang="en-US"/>
              <a:pPr>
                <a:defRPr/>
              </a:pPr>
              <a:t>‹#›</a:t>
            </a:fld>
            <a:endParaRPr lang="en-US"/>
          </a:p>
        </p:txBody>
      </p:sp>
    </p:spTree>
    <p:extLst>
      <p:ext uri="{BB962C8B-B14F-4D97-AF65-F5344CB8AC3E}">
        <p14:creationId xmlns:p14="http://schemas.microsoft.com/office/powerpoint/2010/main" val="2801389169"/>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35BDF15F-16E5-4BF3-B7E0-2FC54C677A08}"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4F296804-6835-443F-A411-4CDDD5F8C239}" type="slidenum">
              <a:rPr lang="en-US"/>
              <a:pPr>
                <a:defRPr/>
              </a:pPr>
              <a:t>‹#›</a:t>
            </a:fld>
            <a:endParaRPr lang="en-US"/>
          </a:p>
        </p:txBody>
      </p:sp>
    </p:spTree>
    <p:extLst>
      <p:ext uri="{BB962C8B-B14F-4D97-AF65-F5344CB8AC3E}">
        <p14:creationId xmlns:p14="http://schemas.microsoft.com/office/powerpoint/2010/main" val="1789598623"/>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2CBD9109-762F-4AF6-999F-5F374D3F7B04}"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5B9C16F2-B942-4B0F-BC96-420841E7E5D0}" type="slidenum">
              <a:rPr lang="en-US"/>
              <a:pPr>
                <a:defRPr/>
              </a:pPr>
              <a:t>‹#›</a:t>
            </a:fld>
            <a:endParaRPr lang="en-US"/>
          </a:p>
        </p:txBody>
      </p:sp>
    </p:spTree>
    <p:extLst>
      <p:ext uri="{BB962C8B-B14F-4D97-AF65-F5344CB8AC3E}">
        <p14:creationId xmlns:p14="http://schemas.microsoft.com/office/powerpoint/2010/main" val="1810793547"/>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582D71B7-FE59-4849-9DE1-9634B9CF2DAF}"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03F1D180-23DB-4CDF-A01D-E544709C15F8}" type="slidenum">
              <a:rPr lang="en-US"/>
              <a:pPr>
                <a:defRPr/>
              </a:pPr>
              <a:t>‹#›</a:t>
            </a:fld>
            <a:endParaRPr lang="en-US"/>
          </a:p>
        </p:txBody>
      </p:sp>
    </p:spTree>
    <p:extLst>
      <p:ext uri="{BB962C8B-B14F-4D97-AF65-F5344CB8AC3E}">
        <p14:creationId xmlns:p14="http://schemas.microsoft.com/office/powerpoint/2010/main" val="3005715139"/>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1E18555F-DA59-439C-8BB5-D1754B5CF4EE}"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B3E862FE-3C0E-4976-8E59-D8E2DF1EF600}" type="slidenum">
              <a:rPr lang="en-US"/>
              <a:pPr>
                <a:defRPr/>
              </a:pPr>
              <a:t>‹#›</a:t>
            </a:fld>
            <a:endParaRPr lang="en-US"/>
          </a:p>
        </p:txBody>
      </p:sp>
    </p:spTree>
    <p:extLst>
      <p:ext uri="{BB962C8B-B14F-4D97-AF65-F5344CB8AC3E}">
        <p14:creationId xmlns:p14="http://schemas.microsoft.com/office/powerpoint/2010/main" val="633440051"/>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7CC52D93-B77B-4A94-A99E-A18BDBA5C6A9}"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F218D126-2E00-48D6-A6F3-0A1F5504D70B}" type="slidenum">
              <a:rPr lang="en-US"/>
              <a:pPr>
                <a:defRPr/>
              </a:pPr>
              <a:t>‹#›</a:t>
            </a:fld>
            <a:endParaRPr lang="en-US"/>
          </a:p>
        </p:txBody>
      </p:sp>
    </p:spTree>
    <p:extLst>
      <p:ext uri="{BB962C8B-B14F-4D97-AF65-F5344CB8AC3E}">
        <p14:creationId xmlns:p14="http://schemas.microsoft.com/office/powerpoint/2010/main" val="2514749604"/>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8D913B5C-DA4D-45B9-9DDE-8A22BEA9E4EF}"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03DF4BEC-FD44-4C11-89BC-38ACD6016FFD}" type="slidenum">
              <a:rPr lang="en-US"/>
              <a:pPr>
                <a:defRPr/>
              </a:pPr>
              <a:t>‹#›</a:t>
            </a:fld>
            <a:endParaRPr lang="en-US"/>
          </a:p>
        </p:txBody>
      </p:sp>
    </p:spTree>
    <p:extLst>
      <p:ext uri="{BB962C8B-B14F-4D97-AF65-F5344CB8AC3E}">
        <p14:creationId xmlns:p14="http://schemas.microsoft.com/office/powerpoint/2010/main" val="3741973770"/>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C80A6BC4-A550-43F9-95A4-5718BBFD590C}"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5236C1B8-E768-42AC-B2A8-BF5982987369}" type="slidenum">
              <a:rPr lang="en-US"/>
              <a:pPr>
                <a:defRPr/>
              </a:pPr>
              <a:t>‹#›</a:t>
            </a:fld>
            <a:endParaRPr lang="en-US"/>
          </a:p>
        </p:txBody>
      </p:sp>
    </p:spTree>
    <p:extLst>
      <p:ext uri="{BB962C8B-B14F-4D97-AF65-F5344CB8AC3E}">
        <p14:creationId xmlns:p14="http://schemas.microsoft.com/office/powerpoint/2010/main" val="2949017502"/>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38D50BFA-52FF-4DE2-8495-059A5BF881C8}"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49ECA701-8B30-48C6-902C-05FB40D14011}" type="slidenum">
              <a:rPr lang="en-US"/>
              <a:pPr>
                <a:defRPr/>
              </a:pPr>
              <a:t>‹#›</a:t>
            </a:fld>
            <a:endParaRPr lang="en-US"/>
          </a:p>
        </p:txBody>
      </p:sp>
    </p:spTree>
    <p:extLst>
      <p:ext uri="{BB962C8B-B14F-4D97-AF65-F5344CB8AC3E}">
        <p14:creationId xmlns:p14="http://schemas.microsoft.com/office/powerpoint/2010/main" val="573165999"/>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638CA356-7718-4E32-BFB7-8CBB5A126052}"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7F0B946D-F9D9-4561-BFEC-E0C689BFE3F8}" type="slidenum">
              <a:rPr lang="en-US"/>
              <a:pPr>
                <a:defRPr/>
              </a:pPr>
              <a:t>‹#›</a:t>
            </a:fld>
            <a:endParaRPr lang="en-US"/>
          </a:p>
        </p:txBody>
      </p:sp>
    </p:spTree>
    <p:extLst>
      <p:ext uri="{BB962C8B-B14F-4D97-AF65-F5344CB8AC3E}">
        <p14:creationId xmlns:p14="http://schemas.microsoft.com/office/powerpoint/2010/main" val="3337584104"/>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59DC3D57-FEB3-4BF5-8424-1B50C721B3EC}"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B7603565-B692-4D4A-8308-C91FBC6CDC16}" type="slidenum">
              <a:rPr lang="en-US"/>
              <a:pPr>
                <a:defRPr/>
              </a:pPr>
              <a:t>‹#›</a:t>
            </a:fld>
            <a:endParaRPr lang="en-US"/>
          </a:p>
        </p:txBody>
      </p:sp>
    </p:spTree>
    <p:extLst>
      <p:ext uri="{BB962C8B-B14F-4D97-AF65-F5344CB8AC3E}">
        <p14:creationId xmlns:p14="http://schemas.microsoft.com/office/powerpoint/2010/main" val="427335206"/>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59320262-844B-4F5E-B39B-F5D3E4D3A859}"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29AD67CF-D661-4F50-A390-ED4E2BA3BAAB}" type="slidenum">
              <a:rPr lang="en-US"/>
              <a:pPr>
                <a:defRPr/>
              </a:pPr>
              <a:t>‹#›</a:t>
            </a:fld>
            <a:endParaRPr lang="en-US"/>
          </a:p>
        </p:txBody>
      </p:sp>
    </p:spTree>
    <p:extLst>
      <p:ext uri="{BB962C8B-B14F-4D97-AF65-F5344CB8AC3E}">
        <p14:creationId xmlns:p14="http://schemas.microsoft.com/office/powerpoint/2010/main" val="2833381660"/>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5911A3B6-BFEA-4A40-94DD-CDBE38BB4A3A}"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A8F7FDF6-AB32-4014-9655-79310E154AF6}" type="slidenum">
              <a:rPr lang="en-US"/>
              <a:pPr>
                <a:defRPr/>
              </a:pPr>
              <a:t>‹#›</a:t>
            </a:fld>
            <a:endParaRPr lang="en-US"/>
          </a:p>
        </p:txBody>
      </p:sp>
    </p:spTree>
    <p:extLst>
      <p:ext uri="{BB962C8B-B14F-4D97-AF65-F5344CB8AC3E}">
        <p14:creationId xmlns:p14="http://schemas.microsoft.com/office/powerpoint/2010/main" val="3331182508"/>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1D34EE2A-D6E2-446A-A345-AC1524B6E55E}"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45D75090-EDA3-4C51-BD85-6DC04E74E773}" type="slidenum">
              <a:rPr lang="en-US"/>
              <a:pPr>
                <a:defRPr/>
              </a:pPr>
              <a:t>‹#›</a:t>
            </a:fld>
            <a:endParaRPr lang="en-US"/>
          </a:p>
        </p:txBody>
      </p:sp>
    </p:spTree>
    <p:extLst>
      <p:ext uri="{BB962C8B-B14F-4D97-AF65-F5344CB8AC3E}">
        <p14:creationId xmlns:p14="http://schemas.microsoft.com/office/powerpoint/2010/main" val="356441910"/>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0DE5C257-B219-4310-856A-89620FFB7A97}"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919E8A95-8229-4EF8-910A-49C9188137A0}" type="slidenum">
              <a:rPr lang="en-US"/>
              <a:pPr>
                <a:defRPr/>
              </a:pPr>
              <a:t>‹#›</a:t>
            </a:fld>
            <a:endParaRPr lang="en-US"/>
          </a:p>
        </p:txBody>
      </p:sp>
    </p:spTree>
    <p:extLst>
      <p:ext uri="{BB962C8B-B14F-4D97-AF65-F5344CB8AC3E}">
        <p14:creationId xmlns:p14="http://schemas.microsoft.com/office/powerpoint/2010/main" val="1844363531"/>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A5FBE7BC-982B-41EE-A661-8E797ACA458D}"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40B97D1E-0E51-41E4-B7C4-FFD2C7A7A9E7}" type="slidenum">
              <a:rPr lang="en-US"/>
              <a:pPr>
                <a:defRPr/>
              </a:pPr>
              <a:t>‹#›</a:t>
            </a:fld>
            <a:endParaRPr lang="en-US"/>
          </a:p>
        </p:txBody>
      </p:sp>
    </p:spTree>
    <p:extLst>
      <p:ext uri="{BB962C8B-B14F-4D97-AF65-F5344CB8AC3E}">
        <p14:creationId xmlns:p14="http://schemas.microsoft.com/office/powerpoint/2010/main" val="2304441088"/>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BB85BD08-164E-4F04-8AFB-683975EF4F28}"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4B08FBCF-480C-4343-B0A3-B83210876FA2}" type="slidenum">
              <a:rPr lang="en-US"/>
              <a:pPr>
                <a:defRPr/>
              </a:pPr>
              <a:t>‹#›</a:t>
            </a:fld>
            <a:endParaRPr lang="en-US"/>
          </a:p>
        </p:txBody>
      </p:sp>
    </p:spTree>
    <p:extLst>
      <p:ext uri="{BB962C8B-B14F-4D97-AF65-F5344CB8AC3E}">
        <p14:creationId xmlns:p14="http://schemas.microsoft.com/office/powerpoint/2010/main" val="212881642"/>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E6C7A967-DC16-4F15-AA86-FBC5DDCB6A8A}"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28F72C69-CCCB-4221-B9EA-20629FF9366C}" type="slidenum">
              <a:rPr lang="en-US"/>
              <a:pPr>
                <a:defRPr/>
              </a:pPr>
              <a:t>‹#›</a:t>
            </a:fld>
            <a:endParaRPr lang="en-US"/>
          </a:p>
        </p:txBody>
      </p:sp>
    </p:spTree>
    <p:extLst>
      <p:ext uri="{BB962C8B-B14F-4D97-AF65-F5344CB8AC3E}">
        <p14:creationId xmlns:p14="http://schemas.microsoft.com/office/powerpoint/2010/main" val="3044428260"/>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38043178-3B9E-4FB9-AF50-890D710AEFA0}"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58AE9677-CEE9-46CD-B100-89AE68DBF72D}" type="slidenum">
              <a:rPr lang="en-US"/>
              <a:pPr>
                <a:defRPr/>
              </a:pPr>
              <a:t>‹#›</a:t>
            </a:fld>
            <a:endParaRPr lang="en-US"/>
          </a:p>
        </p:txBody>
      </p:sp>
    </p:spTree>
    <p:extLst>
      <p:ext uri="{BB962C8B-B14F-4D97-AF65-F5344CB8AC3E}">
        <p14:creationId xmlns:p14="http://schemas.microsoft.com/office/powerpoint/2010/main" val="181830699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61235C84-E556-426F-8626-28E155600515}"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9EC58D7C-BB48-4894-80EB-EDBD36580020}" type="slidenum">
              <a:rPr lang="en-US"/>
              <a:pPr>
                <a:defRPr/>
              </a:pPr>
              <a:t>‹#›</a:t>
            </a:fld>
            <a:endParaRPr lang="en-US"/>
          </a:p>
        </p:txBody>
      </p:sp>
    </p:spTree>
    <p:extLst>
      <p:ext uri="{BB962C8B-B14F-4D97-AF65-F5344CB8AC3E}">
        <p14:creationId xmlns:p14="http://schemas.microsoft.com/office/powerpoint/2010/main" val="3551782321"/>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9E4C6FA8-5873-41F3-A592-930F9310F0A7}"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A9BC7214-E2FF-4296-9A6D-16B347F61A10}" type="slidenum">
              <a:rPr lang="en-US"/>
              <a:pPr>
                <a:defRPr/>
              </a:pPr>
              <a:t>‹#›</a:t>
            </a:fld>
            <a:endParaRPr lang="en-US"/>
          </a:p>
        </p:txBody>
      </p:sp>
    </p:spTree>
    <p:extLst>
      <p:ext uri="{BB962C8B-B14F-4D97-AF65-F5344CB8AC3E}">
        <p14:creationId xmlns:p14="http://schemas.microsoft.com/office/powerpoint/2010/main" val="3585613818"/>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4C58B1B6-F8FF-4606-9F0C-3432BB61C047}"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5489D85B-A58C-4EA7-9452-F09C6D8B9D82}" type="slidenum">
              <a:rPr lang="en-US"/>
              <a:pPr>
                <a:defRPr/>
              </a:pPr>
              <a:t>‹#›</a:t>
            </a:fld>
            <a:endParaRPr lang="en-US"/>
          </a:p>
        </p:txBody>
      </p:sp>
    </p:spTree>
    <p:extLst>
      <p:ext uri="{BB962C8B-B14F-4D97-AF65-F5344CB8AC3E}">
        <p14:creationId xmlns:p14="http://schemas.microsoft.com/office/powerpoint/2010/main" val="3296909083"/>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EDCD4313-0103-42C5-A0B3-D0FD96F3A4BE}"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83E541E0-206D-4104-987A-2D0B41EE10C7}" type="slidenum">
              <a:rPr lang="en-US"/>
              <a:pPr>
                <a:defRPr/>
              </a:pPr>
              <a:t>‹#›</a:t>
            </a:fld>
            <a:endParaRPr lang="en-US"/>
          </a:p>
        </p:txBody>
      </p:sp>
    </p:spTree>
    <p:extLst>
      <p:ext uri="{BB962C8B-B14F-4D97-AF65-F5344CB8AC3E}">
        <p14:creationId xmlns:p14="http://schemas.microsoft.com/office/powerpoint/2010/main" val="2490520969"/>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8A1966A9-1B67-49CC-A3CA-D3B7A05C285B}"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F0951FEA-3034-4378-89F5-576C8A17890D}" type="slidenum">
              <a:rPr lang="en-US"/>
              <a:pPr>
                <a:defRPr/>
              </a:pPr>
              <a:t>‹#›</a:t>
            </a:fld>
            <a:endParaRPr lang="en-US"/>
          </a:p>
        </p:txBody>
      </p:sp>
    </p:spTree>
    <p:extLst>
      <p:ext uri="{BB962C8B-B14F-4D97-AF65-F5344CB8AC3E}">
        <p14:creationId xmlns:p14="http://schemas.microsoft.com/office/powerpoint/2010/main" val="708072759"/>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A4CE11CB-9952-4C7F-99D9-BDE0C08206F2}"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035B1BC8-CFD0-49A5-8274-C05BDFB62172}" type="slidenum">
              <a:rPr lang="en-US"/>
              <a:pPr>
                <a:defRPr/>
              </a:pPr>
              <a:t>‹#›</a:t>
            </a:fld>
            <a:endParaRPr lang="en-US"/>
          </a:p>
        </p:txBody>
      </p:sp>
    </p:spTree>
    <p:extLst>
      <p:ext uri="{BB962C8B-B14F-4D97-AF65-F5344CB8AC3E}">
        <p14:creationId xmlns:p14="http://schemas.microsoft.com/office/powerpoint/2010/main" val="116123679"/>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F3C6EB2A-AE5A-4434-8D12-16E629F5611F}"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22B30068-61EC-4528-BCD6-1FCD6ABD7519}" type="slidenum">
              <a:rPr lang="en-US"/>
              <a:pPr>
                <a:defRPr/>
              </a:pPr>
              <a:t>‹#›</a:t>
            </a:fld>
            <a:endParaRPr lang="en-US"/>
          </a:p>
        </p:txBody>
      </p:sp>
    </p:spTree>
    <p:extLst>
      <p:ext uri="{BB962C8B-B14F-4D97-AF65-F5344CB8AC3E}">
        <p14:creationId xmlns:p14="http://schemas.microsoft.com/office/powerpoint/2010/main" val="2262057731"/>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B92F093F-2E93-4B89-907E-B2DFFF9BE870}"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6AA4D4CE-715D-46A0-8EB4-6EE77B9408BC}" type="slidenum">
              <a:rPr lang="en-US"/>
              <a:pPr>
                <a:defRPr/>
              </a:pPr>
              <a:t>‹#›</a:t>
            </a:fld>
            <a:endParaRPr lang="en-US"/>
          </a:p>
        </p:txBody>
      </p:sp>
    </p:spTree>
    <p:extLst>
      <p:ext uri="{BB962C8B-B14F-4D97-AF65-F5344CB8AC3E}">
        <p14:creationId xmlns:p14="http://schemas.microsoft.com/office/powerpoint/2010/main" val="2941262557"/>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B71EE0D1-FECB-4D24-92FD-F075C18AE639}"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FE8AE724-93C0-4271-A46B-E5830699D3A6}" type="slidenum">
              <a:rPr lang="en-US"/>
              <a:pPr>
                <a:defRPr/>
              </a:pPr>
              <a:t>‹#›</a:t>
            </a:fld>
            <a:endParaRPr lang="en-US"/>
          </a:p>
        </p:txBody>
      </p:sp>
    </p:spTree>
    <p:extLst>
      <p:ext uri="{BB962C8B-B14F-4D97-AF65-F5344CB8AC3E}">
        <p14:creationId xmlns:p14="http://schemas.microsoft.com/office/powerpoint/2010/main" val="979498021"/>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C331579E-21D7-437F-8E0E-C0EE8B5FEFB3}"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744D0995-4D1A-4809-85CC-EEEF2A6BE0F7}" type="slidenum">
              <a:rPr lang="en-US"/>
              <a:pPr>
                <a:defRPr/>
              </a:pPr>
              <a:t>‹#›</a:t>
            </a:fld>
            <a:endParaRPr lang="en-US"/>
          </a:p>
        </p:txBody>
      </p:sp>
    </p:spTree>
    <p:extLst>
      <p:ext uri="{BB962C8B-B14F-4D97-AF65-F5344CB8AC3E}">
        <p14:creationId xmlns:p14="http://schemas.microsoft.com/office/powerpoint/2010/main" val="2557893049"/>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20A35B1F-B993-40FF-94B1-61D60242A787}"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04D02235-4B13-458A-A574-ADF41D8D1242}" type="slidenum">
              <a:rPr lang="en-US"/>
              <a:pPr>
                <a:defRPr/>
              </a:pPr>
              <a:t>‹#›</a:t>
            </a:fld>
            <a:endParaRPr lang="en-US"/>
          </a:p>
        </p:txBody>
      </p:sp>
    </p:spTree>
    <p:extLst>
      <p:ext uri="{BB962C8B-B14F-4D97-AF65-F5344CB8AC3E}">
        <p14:creationId xmlns:p14="http://schemas.microsoft.com/office/powerpoint/2010/main" val="413558495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8CADFBF5-8D7E-4722-8319-45016AD80FE4}"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BF185D1C-10E1-4920-BAF3-B9649D4AC384}" type="slidenum">
              <a:rPr lang="en-US"/>
              <a:pPr>
                <a:defRPr/>
              </a:pPr>
              <a:t>‹#›</a:t>
            </a:fld>
            <a:endParaRPr lang="en-US"/>
          </a:p>
        </p:txBody>
      </p:sp>
    </p:spTree>
    <p:extLst>
      <p:ext uri="{BB962C8B-B14F-4D97-AF65-F5344CB8AC3E}">
        <p14:creationId xmlns:p14="http://schemas.microsoft.com/office/powerpoint/2010/main" val="2192150194"/>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305CA735-A0D5-476B-A9F5-9F0D2F8616AC}"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C11AF0E9-26EF-4A1C-925C-588F3032A17D}" type="slidenum">
              <a:rPr lang="en-US"/>
              <a:pPr>
                <a:defRPr/>
              </a:pPr>
              <a:t>‹#›</a:t>
            </a:fld>
            <a:endParaRPr lang="en-US"/>
          </a:p>
        </p:txBody>
      </p:sp>
    </p:spTree>
    <p:extLst>
      <p:ext uri="{BB962C8B-B14F-4D97-AF65-F5344CB8AC3E}">
        <p14:creationId xmlns:p14="http://schemas.microsoft.com/office/powerpoint/2010/main" val="3692722118"/>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C2E7C51D-0A8F-4A50-9FA9-4EADC6BD26DD}"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632997E8-4228-4FC4-AB84-77484439AFE8}" type="slidenum">
              <a:rPr lang="en-US"/>
              <a:pPr>
                <a:defRPr/>
              </a:pPr>
              <a:t>‹#›</a:t>
            </a:fld>
            <a:endParaRPr lang="en-US"/>
          </a:p>
        </p:txBody>
      </p:sp>
    </p:spTree>
    <p:extLst>
      <p:ext uri="{BB962C8B-B14F-4D97-AF65-F5344CB8AC3E}">
        <p14:creationId xmlns:p14="http://schemas.microsoft.com/office/powerpoint/2010/main" val="2233056315"/>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87D4DF37-A88A-45D2-982A-EFCD31DAFE09}"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872430D5-D304-4D30-8192-6485BB5AED63}" type="slidenum">
              <a:rPr lang="en-US"/>
              <a:pPr>
                <a:defRPr/>
              </a:pPr>
              <a:t>‹#›</a:t>
            </a:fld>
            <a:endParaRPr lang="en-US"/>
          </a:p>
        </p:txBody>
      </p:sp>
    </p:spTree>
    <p:extLst>
      <p:ext uri="{BB962C8B-B14F-4D97-AF65-F5344CB8AC3E}">
        <p14:creationId xmlns:p14="http://schemas.microsoft.com/office/powerpoint/2010/main" val="3606421448"/>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AA81ED59-EAD3-43C8-8646-C72BF0698397}"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C31827E0-A170-4603-B4F8-49787B96C805}" type="slidenum">
              <a:rPr lang="en-US"/>
              <a:pPr>
                <a:defRPr/>
              </a:pPr>
              <a:t>‹#›</a:t>
            </a:fld>
            <a:endParaRPr lang="en-US"/>
          </a:p>
        </p:txBody>
      </p:sp>
    </p:spTree>
    <p:extLst>
      <p:ext uri="{BB962C8B-B14F-4D97-AF65-F5344CB8AC3E}">
        <p14:creationId xmlns:p14="http://schemas.microsoft.com/office/powerpoint/2010/main" val="2198097628"/>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D97C04F1-8E72-48E7-AD30-BC14F0249C42}"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F9FD1FA5-745E-4852-8DB7-B7F4E197C458}" type="slidenum">
              <a:rPr lang="en-US"/>
              <a:pPr>
                <a:defRPr/>
              </a:pPr>
              <a:t>‹#›</a:t>
            </a:fld>
            <a:endParaRPr lang="en-US"/>
          </a:p>
        </p:txBody>
      </p:sp>
    </p:spTree>
    <p:extLst>
      <p:ext uri="{BB962C8B-B14F-4D97-AF65-F5344CB8AC3E}">
        <p14:creationId xmlns:p14="http://schemas.microsoft.com/office/powerpoint/2010/main" val="158542312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9CDF9ADE-5ED7-465B-AB50-6A18EE9BB72A}"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7796C6F7-F29E-4200-A241-17F4491053C5}" type="slidenum">
              <a:rPr lang="en-US"/>
              <a:pPr>
                <a:defRPr/>
              </a:pPr>
              <a:t>‹#›</a:t>
            </a:fld>
            <a:endParaRPr lang="en-US"/>
          </a:p>
        </p:txBody>
      </p:sp>
    </p:spTree>
    <p:extLst>
      <p:ext uri="{BB962C8B-B14F-4D97-AF65-F5344CB8AC3E}">
        <p14:creationId xmlns:p14="http://schemas.microsoft.com/office/powerpoint/2010/main" val="1295388858"/>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793B856A-DA86-4791-877D-BD591DC05493}"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71D0B091-CF52-4081-B6BC-13322D2FCA5E}" type="slidenum">
              <a:rPr lang="en-US"/>
              <a:pPr>
                <a:defRPr/>
              </a:pPr>
              <a:t>‹#›</a:t>
            </a:fld>
            <a:endParaRPr lang="en-US"/>
          </a:p>
        </p:txBody>
      </p:sp>
    </p:spTree>
    <p:extLst>
      <p:ext uri="{BB962C8B-B14F-4D97-AF65-F5344CB8AC3E}">
        <p14:creationId xmlns:p14="http://schemas.microsoft.com/office/powerpoint/2010/main" val="2056171115"/>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111E70F3-D0EC-45C5-A92A-F1CDCA1F3EEF}"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49DFD65C-C85B-4FC4-981C-E1D40199A8F2}" type="slidenum">
              <a:rPr lang="en-US"/>
              <a:pPr>
                <a:defRPr/>
              </a:pPr>
              <a:t>‹#›</a:t>
            </a:fld>
            <a:endParaRPr lang="en-US"/>
          </a:p>
        </p:txBody>
      </p:sp>
    </p:spTree>
    <p:extLst>
      <p:ext uri="{BB962C8B-B14F-4D97-AF65-F5344CB8AC3E}">
        <p14:creationId xmlns:p14="http://schemas.microsoft.com/office/powerpoint/2010/main" val="2109104166"/>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4FF26339-F627-45AF-B974-1391BBC69BC4}"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CC6C8FB2-9539-4F12-9C07-A077027403D5}" type="slidenum">
              <a:rPr lang="en-US"/>
              <a:pPr>
                <a:defRPr/>
              </a:pPr>
              <a:t>‹#›</a:t>
            </a:fld>
            <a:endParaRPr lang="en-US"/>
          </a:p>
        </p:txBody>
      </p:sp>
    </p:spTree>
    <p:extLst>
      <p:ext uri="{BB962C8B-B14F-4D97-AF65-F5344CB8AC3E}">
        <p14:creationId xmlns:p14="http://schemas.microsoft.com/office/powerpoint/2010/main" val="2860582918"/>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61B84FBB-5AFA-4661-B2FA-FE11FA4E59CE}"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568A404A-FBC9-45F1-AE40-CB23712404B5}" type="slidenum">
              <a:rPr lang="en-US"/>
              <a:pPr>
                <a:defRPr/>
              </a:pPr>
              <a:t>‹#›</a:t>
            </a:fld>
            <a:endParaRPr lang="en-US"/>
          </a:p>
        </p:txBody>
      </p:sp>
    </p:spTree>
    <p:extLst>
      <p:ext uri="{BB962C8B-B14F-4D97-AF65-F5344CB8AC3E}">
        <p14:creationId xmlns:p14="http://schemas.microsoft.com/office/powerpoint/2010/main" val="371902071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6A90B617-F3AF-485B-8A7A-18289729777D}"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0456FE31-3288-43AE-9E96-92B848747A45}" type="slidenum">
              <a:rPr lang="en-US"/>
              <a:pPr>
                <a:defRPr/>
              </a:pPr>
              <a:t>‹#›</a:t>
            </a:fld>
            <a:endParaRPr lang="en-US"/>
          </a:p>
        </p:txBody>
      </p:sp>
    </p:spTree>
    <p:extLst>
      <p:ext uri="{BB962C8B-B14F-4D97-AF65-F5344CB8AC3E}">
        <p14:creationId xmlns:p14="http://schemas.microsoft.com/office/powerpoint/2010/main" val="3122918978"/>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F9637EAC-7101-41ED-B5BD-4049532C9CA6}"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5DBBE15E-0CAE-4EF5-8D1D-F56E431F466A}" type="slidenum">
              <a:rPr lang="en-US"/>
              <a:pPr>
                <a:defRPr/>
              </a:pPr>
              <a:t>‹#›</a:t>
            </a:fld>
            <a:endParaRPr lang="en-US"/>
          </a:p>
        </p:txBody>
      </p:sp>
    </p:spTree>
    <p:extLst>
      <p:ext uri="{BB962C8B-B14F-4D97-AF65-F5344CB8AC3E}">
        <p14:creationId xmlns:p14="http://schemas.microsoft.com/office/powerpoint/2010/main" val="2496385475"/>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92A25742-528F-4DB3-B851-63722972CE38}"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C3E05132-46B2-4C3F-80C9-84E49376C573}" type="slidenum">
              <a:rPr lang="en-US"/>
              <a:pPr>
                <a:defRPr/>
              </a:pPr>
              <a:t>‹#›</a:t>
            </a:fld>
            <a:endParaRPr lang="en-US"/>
          </a:p>
        </p:txBody>
      </p:sp>
    </p:spTree>
    <p:extLst>
      <p:ext uri="{BB962C8B-B14F-4D97-AF65-F5344CB8AC3E}">
        <p14:creationId xmlns:p14="http://schemas.microsoft.com/office/powerpoint/2010/main" val="1195858860"/>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0F162B56-E099-4429-A8B1-3ADA9519EBA8}"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9F4A30C2-5D7B-45B7-A6F8-5BA55FBD4A80}" type="slidenum">
              <a:rPr lang="en-US"/>
              <a:pPr>
                <a:defRPr/>
              </a:pPr>
              <a:t>‹#›</a:t>
            </a:fld>
            <a:endParaRPr lang="en-US"/>
          </a:p>
        </p:txBody>
      </p:sp>
    </p:spTree>
    <p:extLst>
      <p:ext uri="{BB962C8B-B14F-4D97-AF65-F5344CB8AC3E}">
        <p14:creationId xmlns:p14="http://schemas.microsoft.com/office/powerpoint/2010/main" val="1004331297"/>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D5FBB69B-F4A5-44F0-AE45-1C03F95F69C2}"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4E372132-7DC9-4F0F-B935-FC8BF0561D95}" type="slidenum">
              <a:rPr lang="en-US"/>
              <a:pPr>
                <a:defRPr/>
              </a:pPr>
              <a:t>‹#›</a:t>
            </a:fld>
            <a:endParaRPr lang="en-US"/>
          </a:p>
        </p:txBody>
      </p:sp>
    </p:spTree>
    <p:extLst>
      <p:ext uri="{BB962C8B-B14F-4D97-AF65-F5344CB8AC3E}">
        <p14:creationId xmlns:p14="http://schemas.microsoft.com/office/powerpoint/2010/main" val="1070923240"/>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A553AEF5-BE78-4182-B3A2-13F93F29C6CD}"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436AF0D4-550A-40F6-AA89-AE19314B967D}" type="slidenum">
              <a:rPr lang="en-US"/>
              <a:pPr>
                <a:defRPr/>
              </a:pPr>
              <a:t>‹#›</a:t>
            </a:fld>
            <a:endParaRPr lang="en-US"/>
          </a:p>
        </p:txBody>
      </p:sp>
    </p:spTree>
    <p:extLst>
      <p:ext uri="{BB962C8B-B14F-4D97-AF65-F5344CB8AC3E}">
        <p14:creationId xmlns:p14="http://schemas.microsoft.com/office/powerpoint/2010/main" val="1468608074"/>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2EDDC3C8-D57F-4E89-BE94-297CE6026F5E}"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B8B3DF14-9D0C-4061-B84B-6A0D3B89A227}" type="slidenum">
              <a:rPr lang="en-US"/>
              <a:pPr>
                <a:defRPr/>
              </a:pPr>
              <a:t>‹#›</a:t>
            </a:fld>
            <a:endParaRPr lang="en-US"/>
          </a:p>
        </p:txBody>
      </p:sp>
    </p:spTree>
    <p:extLst>
      <p:ext uri="{BB962C8B-B14F-4D97-AF65-F5344CB8AC3E}">
        <p14:creationId xmlns:p14="http://schemas.microsoft.com/office/powerpoint/2010/main" val="1900911320"/>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A7329969-3359-42AF-9F61-C841A42CC7D0}"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1703A28E-2E60-4C07-807A-DB31613C7B59}" type="slidenum">
              <a:rPr lang="en-US"/>
              <a:pPr>
                <a:defRPr/>
              </a:pPr>
              <a:t>‹#›</a:t>
            </a:fld>
            <a:endParaRPr lang="en-US"/>
          </a:p>
        </p:txBody>
      </p:sp>
    </p:spTree>
    <p:extLst>
      <p:ext uri="{BB962C8B-B14F-4D97-AF65-F5344CB8AC3E}">
        <p14:creationId xmlns:p14="http://schemas.microsoft.com/office/powerpoint/2010/main" val="284231714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AB7884EA-7C9D-42A6-AEFF-8E1957AC022A}"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5D47619C-9275-47D6-96F4-7E957530C4DE}" type="slidenum">
              <a:rPr lang="en-US"/>
              <a:pPr>
                <a:defRPr/>
              </a:pPr>
              <a:t>‹#›</a:t>
            </a:fld>
            <a:endParaRPr lang="en-US"/>
          </a:p>
        </p:txBody>
      </p:sp>
    </p:spTree>
    <p:extLst>
      <p:ext uri="{BB962C8B-B14F-4D97-AF65-F5344CB8AC3E}">
        <p14:creationId xmlns:p14="http://schemas.microsoft.com/office/powerpoint/2010/main" val="1160594537"/>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FB4F677E-1A69-4757-862B-9E61701957AA}"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D56B3D55-A73F-4449-9A56-99DFDDD2FB01}" type="slidenum">
              <a:rPr lang="en-US"/>
              <a:pPr>
                <a:defRPr/>
              </a:pPr>
              <a:t>‹#›</a:t>
            </a:fld>
            <a:endParaRPr lang="en-US"/>
          </a:p>
        </p:txBody>
      </p:sp>
    </p:spTree>
    <p:extLst>
      <p:ext uri="{BB962C8B-B14F-4D97-AF65-F5344CB8AC3E}">
        <p14:creationId xmlns:p14="http://schemas.microsoft.com/office/powerpoint/2010/main" val="2747114421"/>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0C1103D0-A61B-4E08-85A1-AB487C461EBC}"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E829B401-4DC8-47E6-8420-147BB1DDA118}" type="slidenum">
              <a:rPr lang="en-US"/>
              <a:pPr>
                <a:defRPr/>
              </a:pPr>
              <a:t>‹#›</a:t>
            </a:fld>
            <a:endParaRPr lang="en-US"/>
          </a:p>
        </p:txBody>
      </p:sp>
    </p:spTree>
    <p:extLst>
      <p:ext uri="{BB962C8B-B14F-4D97-AF65-F5344CB8AC3E}">
        <p14:creationId xmlns:p14="http://schemas.microsoft.com/office/powerpoint/2010/main" val="69236406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E603B418-BDFD-46E9-9325-A4C3BE9903BC}"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095354CD-7904-475F-BD07-74F50FEC559E}" type="slidenum">
              <a:rPr lang="en-US"/>
              <a:pPr>
                <a:defRPr/>
              </a:pPr>
              <a:t>‹#›</a:t>
            </a:fld>
            <a:endParaRPr lang="en-US"/>
          </a:p>
        </p:txBody>
      </p:sp>
    </p:spTree>
    <p:extLst>
      <p:ext uri="{BB962C8B-B14F-4D97-AF65-F5344CB8AC3E}">
        <p14:creationId xmlns:p14="http://schemas.microsoft.com/office/powerpoint/2010/main" val="1390338856"/>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318F5816-E11C-410C-AF7B-593E03C77630}"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2C0E7905-E819-4C63-98FA-B273BCE26A11}" type="slidenum">
              <a:rPr lang="en-US"/>
              <a:pPr>
                <a:defRPr/>
              </a:pPr>
              <a:t>‹#›</a:t>
            </a:fld>
            <a:endParaRPr lang="en-US"/>
          </a:p>
        </p:txBody>
      </p:sp>
    </p:spTree>
    <p:extLst>
      <p:ext uri="{BB962C8B-B14F-4D97-AF65-F5344CB8AC3E}">
        <p14:creationId xmlns:p14="http://schemas.microsoft.com/office/powerpoint/2010/main" val="2523816941"/>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F132C65C-521A-412B-B477-C517C8AD8C18}"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83160995-F86B-4057-A411-5C355DE5CC3A}" type="slidenum">
              <a:rPr lang="en-US"/>
              <a:pPr>
                <a:defRPr/>
              </a:pPr>
              <a:t>‹#›</a:t>
            </a:fld>
            <a:endParaRPr lang="en-US"/>
          </a:p>
        </p:txBody>
      </p:sp>
    </p:spTree>
    <p:extLst>
      <p:ext uri="{BB962C8B-B14F-4D97-AF65-F5344CB8AC3E}">
        <p14:creationId xmlns:p14="http://schemas.microsoft.com/office/powerpoint/2010/main" val="3829064454"/>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8B51B869-61D0-43F0-9E69-E11B3FB5B4CE}"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ADEA84CC-5982-41F7-953C-5E736CE003BF}" type="slidenum">
              <a:rPr lang="en-US"/>
              <a:pPr>
                <a:defRPr/>
              </a:pPr>
              <a:t>‹#›</a:t>
            </a:fld>
            <a:endParaRPr lang="en-US"/>
          </a:p>
        </p:txBody>
      </p:sp>
    </p:spTree>
    <p:extLst>
      <p:ext uri="{BB962C8B-B14F-4D97-AF65-F5344CB8AC3E}">
        <p14:creationId xmlns:p14="http://schemas.microsoft.com/office/powerpoint/2010/main" val="249691351"/>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76249FE8-F82E-40A0-A07F-F756E958DC4E}"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C9C51BDD-184F-44F1-BF5F-F1295F9A4982}" type="slidenum">
              <a:rPr lang="en-US"/>
              <a:pPr>
                <a:defRPr/>
              </a:pPr>
              <a:t>‹#›</a:t>
            </a:fld>
            <a:endParaRPr lang="en-US"/>
          </a:p>
        </p:txBody>
      </p:sp>
    </p:spTree>
    <p:extLst>
      <p:ext uri="{BB962C8B-B14F-4D97-AF65-F5344CB8AC3E}">
        <p14:creationId xmlns:p14="http://schemas.microsoft.com/office/powerpoint/2010/main" val="3986997097"/>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6547046B-DCF9-4B71-9A11-C7E9158DE1E9}"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7DB976FC-E01B-4D4B-82CA-566A2668E82B}" type="slidenum">
              <a:rPr lang="en-US"/>
              <a:pPr>
                <a:defRPr/>
              </a:pPr>
              <a:t>‹#›</a:t>
            </a:fld>
            <a:endParaRPr lang="en-US"/>
          </a:p>
        </p:txBody>
      </p:sp>
    </p:spTree>
    <p:extLst>
      <p:ext uri="{BB962C8B-B14F-4D97-AF65-F5344CB8AC3E}">
        <p14:creationId xmlns:p14="http://schemas.microsoft.com/office/powerpoint/2010/main" val="180973809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355AA104-B233-4D44-97AE-F07C08843C6C}"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37FEA61B-A5FD-46A1-B148-7937B71DA1B2}" type="slidenum">
              <a:rPr lang="en-US"/>
              <a:pPr>
                <a:defRPr/>
              </a:pPr>
              <a:t>‹#›</a:t>
            </a:fld>
            <a:endParaRPr lang="en-US"/>
          </a:p>
        </p:txBody>
      </p:sp>
    </p:spTree>
    <p:extLst>
      <p:ext uri="{BB962C8B-B14F-4D97-AF65-F5344CB8AC3E}">
        <p14:creationId xmlns:p14="http://schemas.microsoft.com/office/powerpoint/2010/main" val="330545008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F1C57D87-F733-4B0B-9EB1-493705929769}"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BB4AAB3E-EB6C-4CCD-A2A0-AC34B3577B3B}" type="slidenum">
              <a:rPr lang="en-US"/>
              <a:pPr>
                <a:defRPr/>
              </a:pPr>
              <a:t>‹#›</a:t>
            </a:fld>
            <a:endParaRPr lang="en-US"/>
          </a:p>
        </p:txBody>
      </p:sp>
    </p:spTree>
    <p:extLst>
      <p:ext uri="{BB962C8B-B14F-4D97-AF65-F5344CB8AC3E}">
        <p14:creationId xmlns:p14="http://schemas.microsoft.com/office/powerpoint/2010/main" val="2090127497"/>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C41EE776-D0E9-4DD9-81F6-EBF175384E09}"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82D6C6C4-1BA2-4A9C-B8C3-917AAB88FF6E}" type="slidenum">
              <a:rPr lang="en-US"/>
              <a:pPr>
                <a:defRPr/>
              </a:pPr>
              <a:t>‹#›</a:t>
            </a:fld>
            <a:endParaRPr lang="en-US"/>
          </a:p>
        </p:txBody>
      </p:sp>
    </p:spTree>
    <p:extLst>
      <p:ext uri="{BB962C8B-B14F-4D97-AF65-F5344CB8AC3E}">
        <p14:creationId xmlns:p14="http://schemas.microsoft.com/office/powerpoint/2010/main" val="4003772068"/>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FFDB3E3A-5EFD-4932-B577-BFC4EEACE301}"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49727E6C-27AC-43B1-BE3B-5DFE6B898CBA}" type="slidenum">
              <a:rPr lang="en-US"/>
              <a:pPr>
                <a:defRPr/>
              </a:pPr>
              <a:t>‹#›</a:t>
            </a:fld>
            <a:endParaRPr lang="en-US"/>
          </a:p>
        </p:txBody>
      </p:sp>
    </p:spTree>
    <p:extLst>
      <p:ext uri="{BB962C8B-B14F-4D97-AF65-F5344CB8AC3E}">
        <p14:creationId xmlns:p14="http://schemas.microsoft.com/office/powerpoint/2010/main" val="1181391142"/>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ED81FF33-10C5-4AC1-9407-64927F220050}"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82C2AF8C-8770-413B-9527-652A5B24DA8A}" type="slidenum">
              <a:rPr lang="en-US"/>
              <a:pPr>
                <a:defRPr/>
              </a:pPr>
              <a:t>‹#›</a:t>
            </a:fld>
            <a:endParaRPr lang="en-US"/>
          </a:p>
        </p:txBody>
      </p:sp>
    </p:spTree>
    <p:extLst>
      <p:ext uri="{BB962C8B-B14F-4D97-AF65-F5344CB8AC3E}">
        <p14:creationId xmlns:p14="http://schemas.microsoft.com/office/powerpoint/2010/main" val="83336461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D747F848-6F68-4FD1-B7D8-5A3261700663}"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A4B91B88-901C-419B-996B-15DD303D7095}" type="slidenum">
              <a:rPr lang="en-US"/>
              <a:pPr>
                <a:defRPr/>
              </a:pPr>
              <a:t>‹#›</a:t>
            </a:fld>
            <a:endParaRPr lang="en-US"/>
          </a:p>
        </p:txBody>
      </p:sp>
    </p:spTree>
    <p:extLst>
      <p:ext uri="{BB962C8B-B14F-4D97-AF65-F5344CB8AC3E}">
        <p14:creationId xmlns:p14="http://schemas.microsoft.com/office/powerpoint/2010/main" val="722646691"/>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67D4ABB8-24FE-40EF-B974-0FC8AD64B31F}"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B5F80837-97F4-4DAE-ACDF-A8F42CCE9D05}" type="slidenum">
              <a:rPr lang="en-US"/>
              <a:pPr>
                <a:defRPr/>
              </a:pPr>
              <a:t>‹#›</a:t>
            </a:fld>
            <a:endParaRPr lang="en-US"/>
          </a:p>
        </p:txBody>
      </p:sp>
    </p:spTree>
    <p:extLst>
      <p:ext uri="{BB962C8B-B14F-4D97-AF65-F5344CB8AC3E}">
        <p14:creationId xmlns:p14="http://schemas.microsoft.com/office/powerpoint/2010/main" val="3279246349"/>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5C84C71A-06E9-4B6C-8E8F-CC001065142C}"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980C42AF-4826-440D-B8D3-CDD986999D26}" type="slidenum">
              <a:rPr lang="en-US"/>
              <a:pPr>
                <a:defRPr/>
              </a:pPr>
              <a:t>‹#›</a:t>
            </a:fld>
            <a:endParaRPr lang="en-US"/>
          </a:p>
        </p:txBody>
      </p:sp>
    </p:spTree>
    <p:extLst>
      <p:ext uri="{BB962C8B-B14F-4D97-AF65-F5344CB8AC3E}">
        <p14:creationId xmlns:p14="http://schemas.microsoft.com/office/powerpoint/2010/main" val="3632847277"/>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394F8619-F992-4EDD-A39C-733949CE9EF2}"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9F77EAAB-767D-40E6-831E-2A500EB753BC}" type="slidenum">
              <a:rPr lang="en-US"/>
              <a:pPr>
                <a:defRPr/>
              </a:pPr>
              <a:t>‹#›</a:t>
            </a:fld>
            <a:endParaRPr lang="en-US"/>
          </a:p>
        </p:txBody>
      </p:sp>
    </p:spTree>
    <p:extLst>
      <p:ext uri="{BB962C8B-B14F-4D97-AF65-F5344CB8AC3E}">
        <p14:creationId xmlns:p14="http://schemas.microsoft.com/office/powerpoint/2010/main" val="1806115939"/>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F5D84552-4545-41D6-A056-3907C21CD22A}"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C3901D2D-B439-48D9-937A-2EC83062F741}" type="slidenum">
              <a:rPr lang="en-US"/>
              <a:pPr>
                <a:defRPr/>
              </a:pPr>
              <a:t>‹#›</a:t>
            </a:fld>
            <a:endParaRPr lang="en-US"/>
          </a:p>
        </p:txBody>
      </p:sp>
    </p:spTree>
    <p:extLst>
      <p:ext uri="{BB962C8B-B14F-4D97-AF65-F5344CB8AC3E}">
        <p14:creationId xmlns:p14="http://schemas.microsoft.com/office/powerpoint/2010/main" val="3645127762"/>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1515B350-4ABB-472D-8881-20545E9BA5F1}"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F90247A7-9F84-4DAB-B31F-02B86C9FAC70}" type="slidenum">
              <a:rPr lang="en-US"/>
              <a:pPr>
                <a:defRPr/>
              </a:pPr>
              <a:t>‹#›</a:t>
            </a:fld>
            <a:endParaRPr lang="en-US"/>
          </a:p>
        </p:txBody>
      </p:sp>
    </p:spTree>
    <p:extLst>
      <p:ext uri="{BB962C8B-B14F-4D97-AF65-F5344CB8AC3E}">
        <p14:creationId xmlns:p14="http://schemas.microsoft.com/office/powerpoint/2010/main" val="2722069778"/>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08E36DDB-467D-4322-97B2-923E80D2FF14}"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E5C612C9-D1CC-405A-A7B5-3CEF991E037A}" type="slidenum">
              <a:rPr lang="en-US"/>
              <a:pPr>
                <a:defRPr/>
              </a:pPr>
              <a:t>‹#›</a:t>
            </a:fld>
            <a:endParaRPr lang="en-US"/>
          </a:p>
        </p:txBody>
      </p:sp>
    </p:spTree>
    <p:extLst>
      <p:ext uri="{BB962C8B-B14F-4D97-AF65-F5344CB8AC3E}">
        <p14:creationId xmlns:p14="http://schemas.microsoft.com/office/powerpoint/2010/main" val="2875180430"/>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00FBBE91-E1B6-4490-9314-F347BA00CFC2}"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52B4117F-83A6-46F1-81EE-842663AE3AC5}" type="slidenum">
              <a:rPr lang="en-US"/>
              <a:pPr>
                <a:defRPr/>
              </a:pPr>
              <a:t>‹#›</a:t>
            </a:fld>
            <a:endParaRPr lang="en-US"/>
          </a:p>
        </p:txBody>
      </p:sp>
    </p:spTree>
    <p:extLst>
      <p:ext uri="{BB962C8B-B14F-4D97-AF65-F5344CB8AC3E}">
        <p14:creationId xmlns:p14="http://schemas.microsoft.com/office/powerpoint/2010/main" val="2790631721"/>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022D7DA9-FE5D-40F2-BD9F-6E0A2AA614C3}"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27580058-B7EA-4F23-A4E3-7B5A30C2B361}" type="slidenum">
              <a:rPr lang="en-US"/>
              <a:pPr>
                <a:defRPr/>
              </a:pPr>
              <a:t>‹#›</a:t>
            </a:fld>
            <a:endParaRPr lang="en-US"/>
          </a:p>
        </p:txBody>
      </p:sp>
    </p:spTree>
    <p:extLst>
      <p:ext uri="{BB962C8B-B14F-4D97-AF65-F5344CB8AC3E}">
        <p14:creationId xmlns:p14="http://schemas.microsoft.com/office/powerpoint/2010/main" val="3355783035"/>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7E88865A-980B-4DF7-8456-239C312AC034}"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B92BF9DB-BDEA-42E0-A901-72D542F973E0}" type="slidenum">
              <a:rPr lang="en-US"/>
              <a:pPr>
                <a:defRPr/>
              </a:pPr>
              <a:t>‹#›</a:t>
            </a:fld>
            <a:endParaRPr lang="en-US"/>
          </a:p>
        </p:txBody>
      </p:sp>
    </p:spTree>
    <p:extLst>
      <p:ext uri="{BB962C8B-B14F-4D97-AF65-F5344CB8AC3E}">
        <p14:creationId xmlns:p14="http://schemas.microsoft.com/office/powerpoint/2010/main" val="128699673"/>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p>
        </p:txBody>
      </p:sp>
      <p:sp>
        <p:nvSpPr>
          <p:cNvPr id="4" name="Date Placeholder 3"/>
          <p:cNvSpPr>
            <a:spLocks noGrp="1"/>
          </p:cNvSpPr>
          <p:nvPr>
            <p:ph type="dt" sz="half" idx="10"/>
          </p:nvPr>
        </p:nvSpPr>
        <p:spPr/>
        <p:txBody>
          <a:bodyPr/>
          <a:lstStyle>
            <a:lvl1pPr>
              <a:defRPr/>
            </a:lvl1pPr>
          </a:lstStyle>
          <a:p>
            <a:pPr>
              <a:defRPr/>
            </a:pPr>
            <a:fld id="{885C5731-5FD2-487C-AF43-4002088182EC}"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2941B7C7-27A5-4B2E-A20C-EFE82F6CC41A}" type="slidenum">
              <a:rPr lang="en-US"/>
              <a:pPr>
                <a:defRPr/>
              </a:pPr>
              <a:t>‹#›</a:t>
            </a:fld>
            <a:endParaRPr lang="en-US"/>
          </a:p>
        </p:txBody>
      </p:sp>
    </p:spTree>
    <p:extLst>
      <p:ext uri="{BB962C8B-B14F-4D97-AF65-F5344CB8AC3E}">
        <p14:creationId xmlns:p14="http://schemas.microsoft.com/office/powerpoint/2010/main" val="300038467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8E5924EC-4BBC-4A6B-8F3A-469C95FAA611}"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4EDD0413-4AC3-471E-948D-150EC631F087}" type="slidenum">
              <a:rPr lang="en-US"/>
              <a:pPr>
                <a:defRPr/>
              </a:pPr>
              <a:t>‹#›</a:t>
            </a:fld>
            <a:endParaRPr lang="en-US"/>
          </a:p>
        </p:txBody>
      </p:sp>
    </p:spTree>
    <p:extLst>
      <p:ext uri="{BB962C8B-B14F-4D97-AF65-F5344CB8AC3E}">
        <p14:creationId xmlns:p14="http://schemas.microsoft.com/office/powerpoint/2010/main" val="194480998"/>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5F891E85-7BF2-4A91-BE45-1728BC4E7A9C}"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B6D5CE43-4915-442D-A0DE-729FF92A2816}" type="slidenum">
              <a:rPr lang="en-US"/>
              <a:pPr>
                <a:defRPr/>
              </a:pPr>
              <a:t>‹#›</a:t>
            </a:fld>
            <a:endParaRPr lang="en-US"/>
          </a:p>
        </p:txBody>
      </p:sp>
    </p:spTree>
    <p:extLst>
      <p:ext uri="{BB962C8B-B14F-4D97-AF65-F5344CB8AC3E}">
        <p14:creationId xmlns:p14="http://schemas.microsoft.com/office/powerpoint/2010/main" val="137832521"/>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lvl1pPr>
              <a:defRPr/>
            </a:lvl1pPr>
          </a:lstStyle>
          <a:p>
            <a:pPr>
              <a:defRPr/>
            </a:pPr>
            <a:fld id="{63550A3A-C0BC-49D5-BF83-743408138519}"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D3113304-B952-4DF5-A5AF-68F944111ECF}" type="slidenum">
              <a:rPr lang="en-US"/>
              <a:pPr>
                <a:defRPr/>
              </a:pPr>
              <a:t>‹#›</a:t>
            </a:fld>
            <a:endParaRPr lang="en-US"/>
          </a:p>
        </p:txBody>
      </p:sp>
    </p:spTree>
    <p:extLst>
      <p:ext uri="{BB962C8B-B14F-4D97-AF65-F5344CB8AC3E}">
        <p14:creationId xmlns:p14="http://schemas.microsoft.com/office/powerpoint/2010/main" val="2357685581"/>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Date Placeholder 3"/>
          <p:cNvSpPr>
            <a:spLocks noGrp="1"/>
          </p:cNvSpPr>
          <p:nvPr>
            <p:ph type="dt" sz="half" idx="10"/>
          </p:nvPr>
        </p:nvSpPr>
        <p:spPr/>
        <p:txBody>
          <a:bodyPr/>
          <a:lstStyle>
            <a:lvl1pPr>
              <a:defRPr/>
            </a:lvl1pPr>
          </a:lstStyle>
          <a:p>
            <a:pPr>
              <a:defRPr/>
            </a:pPr>
            <a:fld id="{64F0B5B8-9B5F-4ED6-BF0A-E52EEECCB062}"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3B14EC5C-8F02-4058-8107-B98D8FB492B5}" type="slidenum">
              <a:rPr lang="en-US"/>
              <a:pPr>
                <a:defRPr/>
              </a:pPr>
              <a:t>‹#›</a:t>
            </a:fld>
            <a:endParaRPr lang="en-US"/>
          </a:p>
        </p:txBody>
      </p:sp>
    </p:spTree>
    <p:extLst>
      <p:ext uri="{BB962C8B-B14F-4D97-AF65-F5344CB8AC3E}">
        <p14:creationId xmlns:p14="http://schemas.microsoft.com/office/powerpoint/2010/main" val="1157942296"/>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7" name="Date Placeholder 3"/>
          <p:cNvSpPr>
            <a:spLocks noGrp="1"/>
          </p:cNvSpPr>
          <p:nvPr>
            <p:ph type="dt" sz="half" idx="10"/>
          </p:nvPr>
        </p:nvSpPr>
        <p:spPr/>
        <p:txBody>
          <a:bodyPr/>
          <a:lstStyle>
            <a:lvl1pPr>
              <a:defRPr/>
            </a:lvl1pPr>
          </a:lstStyle>
          <a:p>
            <a:pPr>
              <a:defRPr/>
            </a:pPr>
            <a:fld id="{2EFE73C1-C260-4BB8-80DA-F405A2BFAF17}" type="datetime1">
              <a:rPr lang="en-US" smtClean="0"/>
              <a:t>11/04/2018</a:t>
            </a:fld>
            <a:endParaRPr lang="en-US"/>
          </a:p>
        </p:txBody>
      </p:sp>
      <p:sp>
        <p:nvSpPr>
          <p:cNvPr id="8" name="Footer Placeholder 4"/>
          <p:cNvSpPr>
            <a:spLocks noGrp="1"/>
          </p:cNvSpPr>
          <p:nvPr>
            <p:ph type="ftr" sz="quarter" idx="11"/>
          </p:nvPr>
        </p:nvSpPr>
        <p:spPr/>
        <p:txBody>
          <a:bodyPr/>
          <a:lstStyle>
            <a:lvl1pPr>
              <a:defRPr/>
            </a:lvl1pPr>
          </a:lstStyle>
          <a:p>
            <a:pPr>
              <a:defRPr/>
            </a:pPr>
            <a:endParaRPr lang="en-US"/>
          </a:p>
        </p:txBody>
      </p:sp>
      <p:sp>
        <p:nvSpPr>
          <p:cNvPr id="9" name="Slide Number Placeholder 5"/>
          <p:cNvSpPr>
            <a:spLocks noGrp="1"/>
          </p:cNvSpPr>
          <p:nvPr>
            <p:ph type="sldNum" sz="quarter" idx="12"/>
          </p:nvPr>
        </p:nvSpPr>
        <p:spPr/>
        <p:txBody>
          <a:bodyPr/>
          <a:lstStyle>
            <a:lvl1pPr>
              <a:defRPr/>
            </a:lvl1pPr>
          </a:lstStyle>
          <a:p>
            <a:pPr>
              <a:defRPr/>
            </a:pPr>
            <a:fld id="{5E2DDB68-8D5D-4F7B-9830-B0EF6A714A65}" type="slidenum">
              <a:rPr lang="en-US"/>
              <a:pPr>
                <a:defRPr/>
              </a:pPr>
              <a:t>‹#›</a:t>
            </a:fld>
            <a:endParaRPr lang="en-US"/>
          </a:p>
        </p:txBody>
      </p:sp>
    </p:spTree>
    <p:extLst>
      <p:ext uri="{BB962C8B-B14F-4D97-AF65-F5344CB8AC3E}">
        <p14:creationId xmlns:p14="http://schemas.microsoft.com/office/powerpoint/2010/main" val="2995437932"/>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Date Placeholder 3"/>
          <p:cNvSpPr>
            <a:spLocks noGrp="1"/>
          </p:cNvSpPr>
          <p:nvPr>
            <p:ph type="dt" sz="half" idx="10"/>
          </p:nvPr>
        </p:nvSpPr>
        <p:spPr/>
        <p:txBody>
          <a:bodyPr/>
          <a:lstStyle>
            <a:lvl1pPr>
              <a:defRPr/>
            </a:lvl1pPr>
          </a:lstStyle>
          <a:p>
            <a:pPr>
              <a:defRPr/>
            </a:pPr>
            <a:fld id="{89711342-BD41-452D-A433-FDE57646B788}" type="datetime1">
              <a:rPr lang="en-US" smtClean="0"/>
              <a:t>11/04/2018</a:t>
            </a:fld>
            <a:endParaRPr lang="en-US"/>
          </a:p>
        </p:txBody>
      </p:sp>
      <p:sp>
        <p:nvSpPr>
          <p:cNvPr id="4" name="Footer Placeholder 4"/>
          <p:cNvSpPr>
            <a:spLocks noGrp="1"/>
          </p:cNvSpPr>
          <p:nvPr>
            <p:ph type="ftr" sz="quarter" idx="11"/>
          </p:nvPr>
        </p:nvSpPr>
        <p:spPr/>
        <p:txBody>
          <a:bodyPr/>
          <a:lstStyle>
            <a:lvl1pPr>
              <a:defRPr/>
            </a:lvl1pPr>
          </a:lstStyle>
          <a:p>
            <a:pPr>
              <a:defRPr/>
            </a:pPr>
            <a:endParaRPr lang="en-US"/>
          </a:p>
        </p:txBody>
      </p:sp>
      <p:sp>
        <p:nvSpPr>
          <p:cNvPr id="5" name="Slide Number Placeholder 5"/>
          <p:cNvSpPr>
            <a:spLocks noGrp="1"/>
          </p:cNvSpPr>
          <p:nvPr>
            <p:ph type="sldNum" sz="quarter" idx="12"/>
          </p:nvPr>
        </p:nvSpPr>
        <p:spPr/>
        <p:txBody>
          <a:bodyPr/>
          <a:lstStyle>
            <a:lvl1pPr>
              <a:defRPr/>
            </a:lvl1pPr>
          </a:lstStyle>
          <a:p>
            <a:pPr>
              <a:defRPr/>
            </a:pPr>
            <a:fld id="{3F60851F-C132-484A-B33B-02B07A78D322}" type="slidenum">
              <a:rPr lang="en-US"/>
              <a:pPr>
                <a:defRPr/>
              </a:pPr>
              <a:t>‹#›</a:t>
            </a:fld>
            <a:endParaRPr lang="en-US"/>
          </a:p>
        </p:txBody>
      </p:sp>
    </p:spTree>
    <p:extLst>
      <p:ext uri="{BB962C8B-B14F-4D97-AF65-F5344CB8AC3E}">
        <p14:creationId xmlns:p14="http://schemas.microsoft.com/office/powerpoint/2010/main" val="1471043365"/>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3"/>
          <p:cNvSpPr>
            <a:spLocks noGrp="1"/>
          </p:cNvSpPr>
          <p:nvPr>
            <p:ph type="dt" sz="half" idx="10"/>
          </p:nvPr>
        </p:nvSpPr>
        <p:spPr/>
        <p:txBody>
          <a:bodyPr/>
          <a:lstStyle>
            <a:lvl1pPr>
              <a:defRPr/>
            </a:lvl1pPr>
          </a:lstStyle>
          <a:p>
            <a:pPr>
              <a:defRPr/>
            </a:pPr>
            <a:fld id="{D3DE88A2-DABA-436D-B758-608AB3FBE01C}" type="datetime1">
              <a:rPr lang="en-US" smtClean="0"/>
              <a:t>11/04/2018</a:t>
            </a:fld>
            <a:endParaRPr lang="en-US"/>
          </a:p>
        </p:txBody>
      </p:sp>
      <p:sp>
        <p:nvSpPr>
          <p:cNvPr id="3" name="Footer Placeholder 4"/>
          <p:cNvSpPr>
            <a:spLocks noGrp="1"/>
          </p:cNvSpPr>
          <p:nvPr>
            <p:ph type="ftr" sz="quarter" idx="11"/>
          </p:nvPr>
        </p:nvSpPr>
        <p:spPr/>
        <p:txBody>
          <a:bodyPr/>
          <a:lstStyle>
            <a:lvl1pPr>
              <a:defRPr/>
            </a:lvl1pPr>
          </a:lstStyle>
          <a:p>
            <a:pPr>
              <a:defRPr/>
            </a:pPr>
            <a:endParaRPr lang="en-US"/>
          </a:p>
        </p:txBody>
      </p:sp>
      <p:sp>
        <p:nvSpPr>
          <p:cNvPr id="4" name="Slide Number Placeholder 5"/>
          <p:cNvSpPr>
            <a:spLocks noGrp="1"/>
          </p:cNvSpPr>
          <p:nvPr>
            <p:ph type="sldNum" sz="quarter" idx="12"/>
          </p:nvPr>
        </p:nvSpPr>
        <p:spPr/>
        <p:txBody>
          <a:bodyPr/>
          <a:lstStyle>
            <a:lvl1pPr>
              <a:defRPr/>
            </a:lvl1pPr>
          </a:lstStyle>
          <a:p>
            <a:pPr>
              <a:defRPr/>
            </a:pPr>
            <a:fld id="{0194996D-FDCE-4450-9F2E-D26E6F7A3E8F}" type="slidenum">
              <a:rPr lang="en-US"/>
              <a:pPr>
                <a:defRPr/>
              </a:pPr>
              <a:t>‹#›</a:t>
            </a:fld>
            <a:endParaRPr lang="en-US"/>
          </a:p>
        </p:txBody>
      </p:sp>
    </p:spTree>
    <p:extLst>
      <p:ext uri="{BB962C8B-B14F-4D97-AF65-F5344CB8AC3E}">
        <p14:creationId xmlns:p14="http://schemas.microsoft.com/office/powerpoint/2010/main" val="193206606"/>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78340CBE-029D-4824-8E7F-9CD27CE54B3F}"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042A9168-6DC6-4C0A-B6C4-F4575E318A2E}" type="slidenum">
              <a:rPr lang="en-US"/>
              <a:pPr>
                <a:defRPr/>
              </a:pPr>
              <a:t>‹#›</a:t>
            </a:fld>
            <a:endParaRPr lang="en-US"/>
          </a:p>
        </p:txBody>
      </p:sp>
    </p:spTree>
    <p:extLst>
      <p:ext uri="{BB962C8B-B14F-4D97-AF65-F5344CB8AC3E}">
        <p14:creationId xmlns:p14="http://schemas.microsoft.com/office/powerpoint/2010/main" val="906242091"/>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p>
        </p:txBody>
      </p:sp>
      <p:sp>
        <p:nvSpPr>
          <p:cNvPr id="3" name="Picture Placeholder 2"/>
          <p:cNvSpPr>
            <a:spLocks noGrp="1"/>
          </p:cNvSpPr>
          <p:nvPr>
            <p:ph type="pic" idx="1"/>
          </p:nvPr>
        </p:nvSpPr>
        <p:spPr>
          <a:xfrm>
            <a:off x="1792288" y="612775"/>
            <a:ext cx="5486400" cy="4114800"/>
          </a:xfrm>
        </p:spPr>
        <p:txBody>
          <a:bodyPr rtlCol="0">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3"/>
          <p:cNvSpPr>
            <a:spLocks noGrp="1"/>
          </p:cNvSpPr>
          <p:nvPr>
            <p:ph type="dt" sz="half" idx="10"/>
          </p:nvPr>
        </p:nvSpPr>
        <p:spPr/>
        <p:txBody>
          <a:bodyPr/>
          <a:lstStyle>
            <a:lvl1pPr>
              <a:defRPr/>
            </a:lvl1pPr>
          </a:lstStyle>
          <a:p>
            <a:pPr>
              <a:defRPr/>
            </a:pPr>
            <a:fld id="{535A52D0-9595-4104-B753-45FA27AD92B3}" type="datetime1">
              <a:rPr lang="en-US" smtClean="0"/>
              <a:t>11/04/2018</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p:txBody>
          <a:bodyPr/>
          <a:lstStyle>
            <a:lvl1pPr>
              <a:defRPr/>
            </a:lvl1pPr>
          </a:lstStyle>
          <a:p>
            <a:pPr>
              <a:defRPr/>
            </a:pPr>
            <a:fld id="{CA5F8AB6-1B1C-4428-8427-873D21C66A0A}" type="slidenum">
              <a:rPr lang="en-US"/>
              <a:pPr>
                <a:defRPr/>
              </a:pPr>
              <a:t>‹#›</a:t>
            </a:fld>
            <a:endParaRPr lang="en-US"/>
          </a:p>
        </p:txBody>
      </p:sp>
    </p:spTree>
    <p:extLst>
      <p:ext uri="{BB962C8B-B14F-4D97-AF65-F5344CB8AC3E}">
        <p14:creationId xmlns:p14="http://schemas.microsoft.com/office/powerpoint/2010/main" val="3077322625"/>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7ADA4872-C30A-4F45-B85D-5ADC758A2331}"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8F611FE9-F3E8-4E39-B3AD-E1B9C1CB5DDA}" type="slidenum">
              <a:rPr lang="en-US"/>
              <a:pPr>
                <a:defRPr/>
              </a:pPr>
              <a:t>‹#›</a:t>
            </a:fld>
            <a:endParaRPr lang="en-US"/>
          </a:p>
        </p:txBody>
      </p:sp>
    </p:spTree>
    <p:extLst>
      <p:ext uri="{BB962C8B-B14F-4D97-AF65-F5344CB8AC3E}">
        <p14:creationId xmlns:p14="http://schemas.microsoft.com/office/powerpoint/2010/main" val="2389027964"/>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10"/>
          </p:nvPr>
        </p:nvSpPr>
        <p:spPr/>
        <p:txBody>
          <a:bodyPr/>
          <a:lstStyle>
            <a:lvl1pPr>
              <a:defRPr/>
            </a:lvl1pPr>
          </a:lstStyle>
          <a:p>
            <a:pPr>
              <a:defRPr/>
            </a:pPr>
            <a:fld id="{675A0F27-39DA-4C13-90FB-05705F649A5B}" type="datetime1">
              <a:rPr lang="en-US" smtClean="0"/>
              <a:t>11/04/2018</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defRPr/>
            </a:lvl1pPr>
          </a:lstStyle>
          <a:p>
            <a:pPr>
              <a:defRPr/>
            </a:pPr>
            <a:fld id="{EF1678E3-FD46-4BA3-AEF6-E90E90BF4C04}" type="slidenum">
              <a:rPr lang="en-US"/>
              <a:pPr>
                <a:defRPr/>
              </a:pPr>
              <a:t>‹#›</a:t>
            </a:fld>
            <a:endParaRPr lang="en-US"/>
          </a:p>
        </p:txBody>
      </p:sp>
    </p:spTree>
    <p:extLst>
      <p:ext uri="{BB962C8B-B14F-4D97-AF65-F5344CB8AC3E}">
        <p14:creationId xmlns:p14="http://schemas.microsoft.com/office/powerpoint/2010/main" val="964018134"/>
      </p:ext>
    </p:extLst>
  </p:cSld>
  <p:clrMapOvr>
    <a:masterClrMapping/>
  </p:clrMapOvr>
</p:sldLayout>
</file>

<file path=ppt/slideMasters/_rels/slideMaster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theme" Target="../theme/theme1.xml"/></Relationships>
</file>

<file path=ppt/slideMasters/_rels/slideMaster10.xml.rels><?xml version="1.0" encoding="UTF-8" standalone="yes"?>
<Relationships xmlns="http://schemas.openxmlformats.org/package/2006/relationships"><Relationship Id="rId8" Type="http://schemas.openxmlformats.org/officeDocument/2006/relationships/slideLayout" Target="../slideLayouts/slideLayout96.xml"/><Relationship Id="rId13" Type="http://schemas.openxmlformats.org/officeDocument/2006/relationships/image" Target="../media/image11.jpeg"/><Relationship Id="rId3" Type="http://schemas.openxmlformats.org/officeDocument/2006/relationships/slideLayout" Target="../slideLayouts/slideLayout91.xml"/><Relationship Id="rId7" Type="http://schemas.openxmlformats.org/officeDocument/2006/relationships/slideLayout" Target="../slideLayouts/slideLayout95.xml"/><Relationship Id="rId12" Type="http://schemas.openxmlformats.org/officeDocument/2006/relationships/theme" Target="../theme/theme10.xml"/><Relationship Id="rId2" Type="http://schemas.openxmlformats.org/officeDocument/2006/relationships/slideLayout" Target="../slideLayouts/slideLayout90.xml"/><Relationship Id="rId1" Type="http://schemas.openxmlformats.org/officeDocument/2006/relationships/slideLayout" Target="../slideLayouts/slideLayout89.xml"/><Relationship Id="rId6" Type="http://schemas.openxmlformats.org/officeDocument/2006/relationships/slideLayout" Target="../slideLayouts/slideLayout94.xml"/><Relationship Id="rId11" Type="http://schemas.openxmlformats.org/officeDocument/2006/relationships/slideLayout" Target="../slideLayouts/slideLayout99.xml"/><Relationship Id="rId5" Type="http://schemas.openxmlformats.org/officeDocument/2006/relationships/slideLayout" Target="../slideLayouts/slideLayout93.xml"/><Relationship Id="rId10" Type="http://schemas.openxmlformats.org/officeDocument/2006/relationships/slideLayout" Target="../slideLayouts/slideLayout98.xml"/><Relationship Id="rId4" Type="http://schemas.openxmlformats.org/officeDocument/2006/relationships/slideLayout" Target="../slideLayouts/slideLayout92.xml"/><Relationship Id="rId9" Type="http://schemas.openxmlformats.org/officeDocument/2006/relationships/slideLayout" Target="../slideLayouts/slideLayout97.xml"/></Relationships>
</file>

<file path=ppt/slideMasters/_rels/slideMaster11.xml.rels><?xml version="1.0" encoding="UTF-8" standalone="yes"?>
<Relationships xmlns="http://schemas.openxmlformats.org/package/2006/relationships"><Relationship Id="rId8" Type="http://schemas.openxmlformats.org/officeDocument/2006/relationships/slideLayout" Target="../slideLayouts/slideLayout107.xml"/><Relationship Id="rId13" Type="http://schemas.openxmlformats.org/officeDocument/2006/relationships/image" Target="../media/image12.jpeg"/><Relationship Id="rId3" Type="http://schemas.openxmlformats.org/officeDocument/2006/relationships/slideLayout" Target="../slideLayouts/slideLayout102.xml"/><Relationship Id="rId7" Type="http://schemas.openxmlformats.org/officeDocument/2006/relationships/slideLayout" Target="../slideLayouts/slideLayout106.xml"/><Relationship Id="rId12" Type="http://schemas.openxmlformats.org/officeDocument/2006/relationships/theme" Target="../theme/theme11.xml"/><Relationship Id="rId2" Type="http://schemas.openxmlformats.org/officeDocument/2006/relationships/slideLayout" Target="../slideLayouts/slideLayout101.xml"/><Relationship Id="rId1" Type="http://schemas.openxmlformats.org/officeDocument/2006/relationships/slideLayout" Target="../slideLayouts/slideLayout100.xml"/><Relationship Id="rId6" Type="http://schemas.openxmlformats.org/officeDocument/2006/relationships/slideLayout" Target="../slideLayouts/slideLayout105.xml"/><Relationship Id="rId11" Type="http://schemas.openxmlformats.org/officeDocument/2006/relationships/slideLayout" Target="../slideLayouts/slideLayout110.xml"/><Relationship Id="rId5" Type="http://schemas.openxmlformats.org/officeDocument/2006/relationships/slideLayout" Target="../slideLayouts/slideLayout104.xml"/><Relationship Id="rId10" Type="http://schemas.openxmlformats.org/officeDocument/2006/relationships/slideLayout" Target="../slideLayouts/slideLayout109.xml"/><Relationship Id="rId4" Type="http://schemas.openxmlformats.org/officeDocument/2006/relationships/slideLayout" Target="../slideLayouts/slideLayout103.xml"/><Relationship Id="rId9" Type="http://schemas.openxmlformats.org/officeDocument/2006/relationships/slideLayout" Target="../slideLayouts/slideLayout108.xml"/></Relationships>
</file>

<file path=ppt/slideMasters/_rels/slideMaster12.xml.rels><?xml version="1.0" encoding="UTF-8" standalone="yes"?>
<Relationships xmlns="http://schemas.openxmlformats.org/package/2006/relationships"><Relationship Id="rId8" Type="http://schemas.openxmlformats.org/officeDocument/2006/relationships/slideLayout" Target="../slideLayouts/slideLayout118.xml"/><Relationship Id="rId13" Type="http://schemas.openxmlformats.org/officeDocument/2006/relationships/image" Target="../media/image13.jpeg"/><Relationship Id="rId3" Type="http://schemas.openxmlformats.org/officeDocument/2006/relationships/slideLayout" Target="../slideLayouts/slideLayout113.xml"/><Relationship Id="rId7" Type="http://schemas.openxmlformats.org/officeDocument/2006/relationships/slideLayout" Target="../slideLayouts/slideLayout117.xml"/><Relationship Id="rId12" Type="http://schemas.openxmlformats.org/officeDocument/2006/relationships/theme" Target="../theme/theme12.xml"/><Relationship Id="rId2" Type="http://schemas.openxmlformats.org/officeDocument/2006/relationships/slideLayout" Target="../slideLayouts/slideLayout112.xml"/><Relationship Id="rId1" Type="http://schemas.openxmlformats.org/officeDocument/2006/relationships/slideLayout" Target="../slideLayouts/slideLayout111.xml"/><Relationship Id="rId6" Type="http://schemas.openxmlformats.org/officeDocument/2006/relationships/slideLayout" Target="../slideLayouts/slideLayout116.xml"/><Relationship Id="rId11" Type="http://schemas.openxmlformats.org/officeDocument/2006/relationships/slideLayout" Target="../slideLayouts/slideLayout121.xml"/><Relationship Id="rId5" Type="http://schemas.openxmlformats.org/officeDocument/2006/relationships/slideLayout" Target="../slideLayouts/slideLayout115.xml"/><Relationship Id="rId10" Type="http://schemas.openxmlformats.org/officeDocument/2006/relationships/slideLayout" Target="../slideLayouts/slideLayout120.xml"/><Relationship Id="rId4" Type="http://schemas.openxmlformats.org/officeDocument/2006/relationships/slideLayout" Target="../slideLayouts/slideLayout114.xml"/><Relationship Id="rId9" Type="http://schemas.openxmlformats.org/officeDocument/2006/relationships/slideLayout" Target="../slideLayouts/slideLayout119.xml"/></Relationships>
</file>

<file path=ppt/slideMasters/_rels/slideMaster13.xml.rels><?xml version="1.0" encoding="UTF-8" standalone="yes"?>
<Relationships xmlns="http://schemas.openxmlformats.org/package/2006/relationships"><Relationship Id="rId8" Type="http://schemas.openxmlformats.org/officeDocument/2006/relationships/slideLayout" Target="../slideLayouts/slideLayout129.xml"/><Relationship Id="rId13" Type="http://schemas.openxmlformats.org/officeDocument/2006/relationships/image" Target="../media/image14.jpeg"/><Relationship Id="rId3" Type="http://schemas.openxmlformats.org/officeDocument/2006/relationships/slideLayout" Target="../slideLayouts/slideLayout124.xml"/><Relationship Id="rId7" Type="http://schemas.openxmlformats.org/officeDocument/2006/relationships/slideLayout" Target="../slideLayouts/slideLayout128.xml"/><Relationship Id="rId12" Type="http://schemas.openxmlformats.org/officeDocument/2006/relationships/theme" Target="../theme/theme13.xml"/><Relationship Id="rId2" Type="http://schemas.openxmlformats.org/officeDocument/2006/relationships/slideLayout" Target="../slideLayouts/slideLayout123.xml"/><Relationship Id="rId1" Type="http://schemas.openxmlformats.org/officeDocument/2006/relationships/slideLayout" Target="../slideLayouts/slideLayout122.xml"/><Relationship Id="rId6" Type="http://schemas.openxmlformats.org/officeDocument/2006/relationships/slideLayout" Target="../slideLayouts/slideLayout127.xml"/><Relationship Id="rId11" Type="http://schemas.openxmlformats.org/officeDocument/2006/relationships/slideLayout" Target="../slideLayouts/slideLayout132.xml"/><Relationship Id="rId5" Type="http://schemas.openxmlformats.org/officeDocument/2006/relationships/slideLayout" Target="../slideLayouts/slideLayout126.xml"/><Relationship Id="rId10" Type="http://schemas.openxmlformats.org/officeDocument/2006/relationships/slideLayout" Target="../slideLayouts/slideLayout131.xml"/><Relationship Id="rId4" Type="http://schemas.openxmlformats.org/officeDocument/2006/relationships/slideLayout" Target="../slideLayouts/slideLayout125.xml"/><Relationship Id="rId9" Type="http://schemas.openxmlformats.org/officeDocument/2006/relationships/slideLayout" Target="../slideLayouts/slideLayout130.xml"/></Relationships>
</file>

<file path=ppt/slideMasters/_rels/slideMaster14.xml.rels><?xml version="1.0" encoding="UTF-8" standalone="yes"?>
<Relationships xmlns="http://schemas.openxmlformats.org/package/2006/relationships"><Relationship Id="rId8" Type="http://schemas.openxmlformats.org/officeDocument/2006/relationships/slideLayout" Target="../slideLayouts/slideLayout140.xml"/><Relationship Id="rId13" Type="http://schemas.openxmlformats.org/officeDocument/2006/relationships/image" Target="../media/image15.jpeg"/><Relationship Id="rId3" Type="http://schemas.openxmlformats.org/officeDocument/2006/relationships/slideLayout" Target="../slideLayouts/slideLayout135.xml"/><Relationship Id="rId7" Type="http://schemas.openxmlformats.org/officeDocument/2006/relationships/slideLayout" Target="../slideLayouts/slideLayout139.xml"/><Relationship Id="rId12" Type="http://schemas.openxmlformats.org/officeDocument/2006/relationships/theme" Target="../theme/theme14.xml"/><Relationship Id="rId2" Type="http://schemas.openxmlformats.org/officeDocument/2006/relationships/slideLayout" Target="../slideLayouts/slideLayout134.xml"/><Relationship Id="rId1" Type="http://schemas.openxmlformats.org/officeDocument/2006/relationships/slideLayout" Target="../slideLayouts/slideLayout133.xml"/><Relationship Id="rId6" Type="http://schemas.openxmlformats.org/officeDocument/2006/relationships/slideLayout" Target="../slideLayouts/slideLayout138.xml"/><Relationship Id="rId11" Type="http://schemas.openxmlformats.org/officeDocument/2006/relationships/slideLayout" Target="../slideLayouts/slideLayout143.xml"/><Relationship Id="rId5" Type="http://schemas.openxmlformats.org/officeDocument/2006/relationships/slideLayout" Target="../slideLayouts/slideLayout137.xml"/><Relationship Id="rId10" Type="http://schemas.openxmlformats.org/officeDocument/2006/relationships/slideLayout" Target="../slideLayouts/slideLayout142.xml"/><Relationship Id="rId4" Type="http://schemas.openxmlformats.org/officeDocument/2006/relationships/slideLayout" Target="../slideLayouts/slideLayout136.xml"/><Relationship Id="rId9" Type="http://schemas.openxmlformats.org/officeDocument/2006/relationships/slideLayout" Target="../slideLayouts/slideLayout141.xml"/></Relationships>
</file>

<file path=ppt/slideMasters/_rels/slideMaster15.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theme" Target="../theme/theme15.xml"/><Relationship Id="rId1" Type="http://schemas.openxmlformats.org/officeDocument/2006/relationships/slideLayout" Target="../slideLayouts/slideLayout14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2.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3.jpeg"/></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image" Target="../media/image4.jpeg"/><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3.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 Id="rId14" Type="http://schemas.openxmlformats.org/officeDocument/2006/relationships/image" Target="../media/image3.jpeg"/></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image" Target="../media/image5.jpeg"/><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4.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 Id="rId14" Type="http://schemas.openxmlformats.org/officeDocument/2006/relationships/image" Target="../media/image3.jpeg"/></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41.xml"/><Relationship Id="rId13" Type="http://schemas.openxmlformats.org/officeDocument/2006/relationships/image" Target="../media/image6.jpeg"/><Relationship Id="rId3" Type="http://schemas.openxmlformats.org/officeDocument/2006/relationships/slideLayout" Target="../slideLayouts/slideLayout36.xml"/><Relationship Id="rId7" Type="http://schemas.openxmlformats.org/officeDocument/2006/relationships/slideLayout" Target="../slideLayouts/slideLayout40.xml"/><Relationship Id="rId12" Type="http://schemas.openxmlformats.org/officeDocument/2006/relationships/theme" Target="../theme/theme5.xml"/><Relationship Id="rId2" Type="http://schemas.openxmlformats.org/officeDocument/2006/relationships/slideLayout" Target="../slideLayouts/slideLayout35.xml"/><Relationship Id="rId1" Type="http://schemas.openxmlformats.org/officeDocument/2006/relationships/slideLayout" Target="../slideLayouts/slideLayout34.xml"/><Relationship Id="rId6" Type="http://schemas.openxmlformats.org/officeDocument/2006/relationships/slideLayout" Target="../slideLayouts/slideLayout39.xml"/><Relationship Id="rId11" Type="http://schemas.openxmlformats.org/officeDocument/2006/relationships/slideLayout" Target="../slideLayouts/slideLayout44.xml"/><Relationship Id="rId5" Type="http://schemas.openxmlformats.org/officeDocument/2006/relationships/slideLayout" Target="../slideLayouts/slideLayout38.xml"/><Relationship Id="rId10" Type="http://schemas.openxmlformats.org/officeDocument/2006/relationships/slideLayout" Target="../slideLayouts/slideLayout43.xml"/><Relationship Id="rId4" Type="http://schemas.openxmlformats.org/officeDocument/2006/relationships/slideLayout" Target="../slideLayouts/slideLayout37.xml"/><Relationship Id="rId9" Type="http://schemas.openxmlformats.org/officeDocument/2006/relationships/slideLayout" Target="../slideLayouts/slideLayout42.xml"/><Relationship Id="rId14" Type="http://schemas.openxmlformats.org/officeDocument/2006/relationships/image" Target="../media/image3.jpeg"/></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52.xml"/><Relationship Id="rId13" Type="http://schemas.openxmlformats.org/officeDocument/2006/relationships/image" Target="../media/image7.jpeg"/><Relationship Id="rId3" Type="http://schemas.openxmlformats.org/officeDocument/2006/relationships/slideLayout" Target="../slideLayouts/slideLayout47.xml"/><Relationship Id="rId7" Type="http://schemas.openxmlformats.org/officeDocument/2006/relationships/slideLayout" Target="../slideLayouts/slideLayout51.xml"/><Relationship Id="rId12" Type="http://schemas.openxmlformats.org/officeDocument/2006/relationships/theme" Target="../theme/theme6.xml"/><Relationship Id="rId2" Type="http://schemas.openxmlformats.org/officeDocument/2006/relationships/slideLayout" Target="../slideLayouts/slideLayout46.xml"/><Relationship Id="rId1" Type="http://schemas.openxmlformats.org/officeDocument/2006/relationships/slideLayout" Target="../slideLayouts/slideLayout45.xml"/><Relationship Id="rId6" Type="http://schemas.openxmlformats.org/officeDocument/2006/relationships/slideLayout" Target="../slideLayouts/slideLayout50.xml"/><Relationship Id="rId11" Type="http://schemas.openxmlformats.org/officeDocument/2006/relationships/slideLayout" Target="../slideLayouts/slideLayout55.xml"/><Relationship Id="rId5" Type="http://schemas.openxmlformats.org/officeDocument/2006/relationships/slideLayout" Target="../slideLayouts/slideLayout49.xml"/><Relationship Id="rId10" Type="http://schemas.openxmlformats.org/officeDocument/2006/relationships/slideLayout" Target="../slideLayouts/slideLayout54.xml"/><Relationship Id="rId4" Type="http://schemas.openxmlformats.org/officeDocument/2006/relationships/slideLayout" Target="../slideLayouts/slideLayout48.xml"/><Relationship Id="rId9" Type="http://schemas.openxmlformats.org/officeDocument/2006/relationships/slideLayout" Target="../slideLayouts/slideLayout53.xml"/><Relationship Id="rId14" Type="http://schemas.openxmlformats.org/officeDocument/2006/relationships/image" Target="../media/image3.jpeg"/></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63.xml"/><Relationship Id="rId13" Type="http://schemas.openxmlformats.org/officeDocument/2006/relationships/image" Target="../media/image8.jpeg"/><Relationship Id="rId3" Type="http://schemas.openxmlformats.org/officeDocument/2006/relationships/slideLayout" Target="../slideLayouts/slideLayout58.xml"/><Relationship Id="rId7" Type="http://schemas.openxmlformats.org/officeDocument/2006/relationships/slideLayout" Target="../slideLayouts/slideLayout62.xml"/><Relationship Id="rId12" Type="http://schemas.openxmlformats.org/officeDocument/2006/relationships/theme" Target="../theme/theme7.xml"/><Relationship Id="rId2" Type="http://schemas.openxmlformats.org/officeDocument/2006/relationships/slideLayout" Target="../slideLayouts/slideLayout57.xml"/><Relationship Id="rId1" Type="http://schemas.openxmlformats.org/officeDocument/2006/relationships/slideLayout" Target="../slideLayouts/slideLayout56.xml"/><Relationship Id="rId6" Type="http://schemas.openxmlformats.org/officeDocument/2006/relationships/slideLayout" Target="../slideLayouts/slideLayout61.xml"/><Relationship Id="rId11" Type="http://schemas.openxmlformats.org/officeDocument/2006/relationships/slideLayout" Target="../slideLayouts/slideLayout66.xml"/><Relationship Id="rId5" Type="http://schemas.openxmlformats.org/officeDocument/2006/relationships/slideLayout" Target="../slideLayouts/slideLayout60.xml"/><Relationship Id="rId10" Type="http://schemas.openxmlformats.org/officeDocument/2006/relationships/slideLayout" Target="../slideLayouts/slideLayout65.xml"/><Relationship Id="rId4" Type="http://schemas.openxmlformats.org/officeDocument/2006/relationships/slideLayout" Target="../slideLayouts/slideLayout59.xml"/><Relationship Id="rId9" Type="http://schemas.openxmlformats.org/officeDocument/2006/relationships/slideLayout" Target="../slideLayouts/slideLayout64.xml"/><Relationship Id="rId14" Type="http://schemas.openxmlformats.org/officeDocument/2006/relationships/image" Target="../media/image3.jpeg"/></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74.xml"/><Relationship Id="rId13" Type="http://schemas.openxmlformats.org/officeDocument/2006/relationships/image" Target="../media/image9.jpeg"/><Relationship Id="rId3" Type="http://schemas.openxmlformats.org/officeDocument/2006/relationships/slideLayout" Target="../slideLayouts/slideLayout69.xml"/><Relationship Id="rId7" Type="http://schemas.openxmlformats.org/officeDocument/2006/relationships/slideLayout" Target="../slideLayouts/slideLayout73.xml"/><Relationship Id="rId12" Type="http://schemas.openxmlformats.org/officeDocument/2006/relationships/theme" Target="../theme/theme8.xml"/><Relationship Id="rId2" Type="http://schemas.openxmlformats.org/officeDocument/2006/relationships/slideLayout" Target="../slideLayouts/slideLayout68.xml"/><Relationship Id="rId1" Type="http://schemas.openxmlformats.org/officeDocument/2006/relationships/slideLayout" Target="../slideLayouts/slideLayout67.xml"/><Relationship Id="rId6" Type="http://schemas.openxmlformats.org/officeDocument/2006/relationships/slideLayout" Target="../slideLayouts/slideLayout72.xml"/><Relationship Id="rId11" Type="http://schemas.openxmlformats.org/officeDocument/2006/relationships/slideLayout" Target="../slideLayouts/slideLayout77.xml"/><Relationship Id="rId5" Type="http://schemas.openxmlformats.org/officeDocument/2006/relationships/slideLayout" Target="../slideLayouts/slideLayout71.xml"/><Relationship Id="rId10" Type="http://schemas.openxmlformats.org/officeDocument/2006/relationships/slideLayout" Target="../slideLayouts/slideLayout76.xml"/><Relationship Id="rId4" Type="http://schemas.openxmlformats.org/officeDocument/2006/relationships/slideLayout" Target="../slideLayouts/slideLayout70.xml"/><Relationship Id="rId9" Type="http://schemas.openxmlformats.org/officeDocument/2006/relationships/slideLayout" Target="../slideLayouts/slideLayout75.xml"/></Relationships>
</file>

<file path=ppt/slideMasters/_rels/slideMaster9.xml.rels><?xml version="1.0" encoding="UTF-8" standalone="yes"?>
<Relationships xmlns="http://schemas.openxmlformats.org/package/2006/relationships"><Relationship Id="rId8" Type="http://schemas.openxmlformats.org/officeDocument/2006/relationships/slideLayout" Target="../slideLayouts/slideLayout85.xml"/><Relationship Id="rId13" Type="http://schemas.openxmlformats.org/officeDocument/2006/relationships/image" Target="../media/image10.jpeg"/><Relationship Id="rId3" Type="http://schemas.openxmlformats.org/officeDocument/2006/relationships/slideLayout" Target="../slideLayouts/slideLayout80.xml"/><Relationship Id="rId7" Type="http://schemas.openxmlformats.org/officeDocument/2006/relationships/slideLayout" Target="../slideLayouts/slideLayout84.xml"/><Relationship Id="rId12" Type="http://schemas.openxmlformats.org/officeDocument/2006/relationships/theme" Target="../theme/theme9.xml"/><Relationship Id="rId2" Type="http://schemas.openxmlformats.org/officeDocument/2006/relationships/slideLayout" Target="../slideLayouts/slideLayout79.xml"/><Relationship Id="rId1" Type="http://schemas.openxmlformats.org/officeDocument/2006/relationships/slideLayout" Target="../slideLayouts/slideLayout78.xml"/><Relationship Id="rId6" Type="http://schemas.openxmlformats.org/officeDocument/2006/relationships/slideLayout" Target="../slideLayouts/slideLayout83.xml"/><Relationship Id="rId11" Type="http://schemas.openxmlformats.org/officeDocument/2006/relationships/slideLayout" Target="../slideLayouts/slideLayout88.xml"/><Relationship Id="rId5" Type="http://schemas.openxmlformats.org/officeDocument/2006/relationships/slideLayout" Target="../slideLayouts/slideLayout82.xml"/><Relationship Id="rId10" Type="http://schemas.openxmlformats.org/officeDocument/2006/relationships/slideLayout" Target="../slideLayouts/slideLayout87.xml"/><Relationship Id="rId4" Type="http://schemas.openxmlformats.org/officeDocument/2006/relationships/slideLayout" Target="../slideLayouts/slideLayout81.xml"/><Relationship Id="rId9" Type="http://schemas.openxmlformats.org/officeDocument/2006/relationships/slideLayout" Target="../slideLayouts/slideLayout86.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3" name="Picture 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Tree>
  </p:cSld>
  <p:clrMap bg1="lt1" tx1="dk1" bg2="lt2" tx2="dk2" accent1="accent1" accent2="accent2" accent3="accent3" accent4="accent4" accent5="accent5" accent6="accent6" hlink="hlink" folHlink="folHlink"/>
  <p:hf hdr="0" ftr="0" dt="0"/>
  <p:txStyles>
    <p:titleStyle>
      <a:lvl1pPr algn="ctr" rtl="0" eaLnBrk="1" fontAlgn="base" hangingPunct="1">
        <a:spcBef>
          <a:spcPct val="0"/>
        </a:spcBef>
        <a:spcAft>
          <a:spcPct val="0"/>
        </a:spcAft>
        <a:defRPr sz="4400" kern="1200">
          <a:solidFill>
            <a:schemeClr val="tx1"/>
          </a:solidFill>
          <a:latin typeface="+mj-lt"/>
          <a:ea typeface="+mj-ea"/>
          <a:cs typeface="+mj-cs"/>
        </a:defRPr>
      </a:lvl1pPr>
      <a:lvl2pPr algn="ctr" rtl="0" eaLnBrk="1" fontAlgn="base" hangingPunct="1">
        <a:spcBef>
          <a:spcPct val="0"/>
        </a:spcBef>
        <a:spcAft>
          <a:spcPct val="0"/>
        </a:spcAft>
        <a:defRPr sz="4400">
          <a:solidFill>
            <a:schemeClr val="tx1"/>
          </a:solidFill>
          <a:latin typeface="Calibri" pitchFamily="34" charset="0"/>
        </a:defRPr>
      </a:lvl2pPr>
      <a:lvl3pPr algn="ctr" rtl="0" eaLnBrk="1" fontAlgn="base" hangingPunct="1">
        <a:spcBef>
          <a:spcPct val="0"/>
        </a:spcBef>
        <a:spcAft>
          <a:spcPct val="0"/>
        </a:spcAft>
        <a:defRPr sz="4400">
          <a:solidFill>
            <a:schemeClr val="tx1"/>
          </a:solidFill>
          <a:latin typeface="Calibri" pitchFamily="34" charset="0"/>
        </a:defRPr>
      </a:lvl3pPr>
      <a:lvl4pPr algn="ctr" rtl="0" eaLnBrk="1" fontAlgn="base" hangingPunct="1">
        <a:spcBef>
          <a:spcPct val="0"/>
        </a:spcBef>
        <a:spcAft>
          <a:spcPct val="0"/>
        </a:spcAft>
        <a:defRPr sz="4400">
          <a:solidFill>
            <a:schemeClr val="tx1"/>
          </a:solidFill>
          <a:latin typeface="Calibri" pitchFamily="34" charset="0"/>
        </a:defRPr>
      </a:lvl4pPr>
      <a:lvl5pPr algn="ctr" rtl="0" eaLnBrk="1" fontAlgn="base" hangingPunct="1">
        <a:spcBef>
          <a:spcPct val="0"/>
        </a:spcBef>
        <a:spcAft>
          <a:spcPct val="0"/>
        </a:spcAft>
        <a:defRPr sz="4400">
          <a:solidFill>
            <a:schemeClr val="tx1"/>
          </a:solidFill>
          <a:latin typeface="Calibri" pitchFamily="34" charset="0"/>
        </a:defRPr>
      </a:lvl5pPr>
      <a:lvl6pPr marL="457200" algn="ctr" rtl="0" eaLnBrk="1" fontAlgn="base" hangingPunct="1">
        <a:spcBef>
          <a:spcPct val="0"/>
        </a:spcBef>
        <a:spcAft>
          <a:spcPct val="0"/>
        </a:spcAft>
        <a:defRPr sz="4400">
          <a:solidFill>
            <a:schemeClr val="tx1"/>
          </a:solidFill>
          <a:latin typeface="Calibri" pitchFamily="34" charset="0"/>
        </a:defRPr>
      </a:lvl6pPr>
      <a:lvl7pPr marL="914400" algn="ctr" rtl="0" eaLnBrk="1" fontAlgn="base" hangingPunct="1">
        <a:spcBef>
          <a:spcPct val="0"/>
        </a:spcBef>
        <a:spcAft>
          <a:spcPct val="0"/>
        </a:spcAft>
        <a:defRPr sz="4400">
          <a:solidFill>
            <a:schemeClr val="tx1"/>
          </a:solidFill>
          <a:latin typeface="Calibri" pitchFamily="34" charset="0"/>
        </a:defRPr>
      </a:lvl7pPr>
      <a:lvl8pPr marL="1371600" algn="ctr" rtl="0" eaLnBrk="1" fontAlgn="base" hangingPunct="1">
        <a:spcBef>
          <a:spcPct val="0"/>
        </a:spcBef>
        <a:spcAft>
          <a:spcPct val="0"/>
        </a:spcAft>
        <a:defRPr sz="4400">
          <a:solidFill>
            <a:schemeClr val="tx1"/>
          </a:solidFill>
          <a:latin typeface="Calibri" pitchFamily="34" charset="0"/>
        </a:defRPr>
      </a:lvl8pPr>
      <a:lvl9pPr marL="1828800" algn="ctr" rtl="0" eaLnBrk="1" fontAlgn="base" hangingPunct="1">
        <a:spcBef>
          <a:spcPct val="0"/>
        </a:spcBef>
        <a:spcAft>
          <a:spcPct val="0"/>
        </a:spcAft>
        <a:defRPr sz="4400">
          <a:solidFill>
            <a:schemeClr val="tx1"/>
          </a:solidFill>
          <a:latin typeface="Calibri" pitchFamily="34" charset="0"/>
        </a:defRPr>
      </a:lvl9pPr>
    </p:titleStyle>
    <p:bodyStyle>
      <a:lvl1pPr marL="342900" indent="-342900" algn="l" rtl="0" eaLnBrk="1" fontAlgn="base" hangingPunct="1">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eaLnBrk="1" fontAlgn="base" hangingPunct="1">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eaLnBrk="1" fontAlgn="base" hangingPunct="1">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10242"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0243"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B63B083E-D2AC-4B02-8F81-C900400976CF}"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300263FF-05E9-4EEB-8AA2-C943ECE9B546}" type="slidenum">
              <a:rPr lang="en-US"/>
              <a:pPr>
                <a:defRPr/>
              </a:pPr>
              <a:t>‹#›</a:t>
            </a:fld>
            <a:endParaRPr lang="en-US"/>
          </a:p>
        </p:txBody>
      </p:sp>
      <p:pic>
        <p:nvPicPr>
          <p:cNvPr id="10247"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899" r:id="rId1"/>
    <p:sldLayoutId id="2147483900" r:id="rId2"/>
    <p:sldLayoutId id="2147483901" r:id="rId3"/>
    <p:sldLayoutId id="2147483902" r:id="rId4"/>
    <p:sldLayoutId id="2147483903" r:id="rId5"/>
    <p:sldLayoutId id="2147483904" r:id="rId6"/>
    <p:sldLayoutId id="2147483905" r:id="rId7"/>
    <p:sldLayoutId id="2147483906" r:id="rId8"/>
    <p:sldLayoutId id="2147483907" r:id="rId9"/>
    <p:sldLayoutId id="2147483908" r:id="rId10"/>
    <p:sldLayoutId id="2147483909"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11266"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1267"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EE333DC7-148F-42D5-8B09-5194910C1CE7}"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3CCF47BD-2F9C-405E-982C-CB4E6BA582ED}" type="slidenum">
              <a:rPr lang="en-US"/>
              <a:pPr>
                <a:defRPr/>
              </a:pPr>
              <a:t>‹#›</a:t>
            </a:fld>
            <a:endParaRPr lang="en-US"/>
          </a:p>
        </p:txBody>
      </p:sp>
      <p:pic>
        <p:nvPicPr>
          <p:cNvPr id="11271"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910" r:id="rId1"/>
    <p:sldLayoutId id="2147483911" r:id="rId2"/>
    <p:sldLayoutId id="2147483912" r:id="rId3"/>
    <p:sldLayoutId id="2147483913" r:id="rId4"/>
    <p:sldLayoutId id="2147483914" r:id="rId5"/>
    <p:sldLayoutId id="2147483915" r:id="rId6"/>
    <p:sldLayoutId id="2147483916" r:id="rId7"/>
    <p:sldLayoutId id="2147483917" r:id="rId8"/>
    <p:sldLayoutId id="2147483918" r:id="rId9"/>
    <p:sldLayoutId id="2147483919" r:id="rId10"/>
    <p:sldLayoutId id="2147483920"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12290"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2291"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40744F3E-F81E-48A8-B740-FF7C4174E740}"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3CA6B682-384A-49AD-8AA8-E9D1848C5FBD}" type="slidenum">
              <a:rPr lang="en-US"/>
              <a:pPr>
                <a:defRPr/>
              </a:pPr>
              <a:t>‹#›</a:t>
            </a:fld>
            <a:endParaRPr lang="en-US"/>
          </a:p>
        </p:txBody>
      </p:sp>
      <p:pic>
        <p:nvPicPr>
          <p:cNvPr id="12295"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921" r:id="rId1"/>
    <p:sldLayoutId id="2147483922" r:id="rId2"/>
    <p:sldLayoutId id="2147483923" r:id="rId3"/>
    <p:sldLayoutId id="2147483924" r:id="rId4"/>
    <p:sldLayoutId id="2147483925" r:id="rId5"/>
    <p:sldLayoutId id="2147483926" r:id="rId6"/>
    <p:sldLayoutId id="2147483927" r:id="rId7"/>
    <p:sldLayoutId id="2147483928" r:id="rId8"/>
    <p:sldLayoutId id="2147483929" r:id="rId9"/>
    <p:sldLayoutId id="2147483930" r:id="rId10"/>
    <p:sldLayoutId id="2147483931"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13314"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3315"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4AB89444-6078-4237-B888-6171E388F3E3}"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82A69154-C977-4A1C-A914-3522AB062058}" type="slidenum">
              <a:rPr lang="en-US"/>
              <a:pPr>
                <a:defRPr/>
              </a:pPr>
              <a:t>‹#›</a:t>
            </a:fld>
            <a:endParaRPr lang="en-US"/>
          </a:p>
        </p:txBody>
      </p:sp>
      <p:pic>
        <p:nvPicPr>
          <p:cNvPr id="13319"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932" r:id="rId1"/>
    <p:sldLayoutId id="2147483933" r:id="rId2"/>
    <p:sldLayoutId id="2147483934" r:id="rId3"/>
    <p:sldLayoutId id="2147483935" r:id="rId4"/>
    <p:sldLayoutId id="2147483936" r:id="rId5"/>
    <p:sldLayoutId id="2147483937" r:id="rId6"/>
    <p:sldLayoutId id="2147483938" r:id="rId7"/>
    <p:sldLayoutId id="2147483939" r:id="rId8"/>
    <p:sldLayoutId id="2147483940" r:id="rId9"/>
    <p:sldLayoutId id="2147483941" r:id="rId10"/>
    <p:sldLayoutId id="2147483942"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14338"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14339"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4C17B8BD-E287-4B82-8CE9-EA5F8B5E304F}"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87014C43-4722-4660-9038-36D71C704AE1}" type="slidenum">
              <a:rPr lang="en-US"/>
              <a:pPr>
                <a:defRPr/>
              </a:pPr>
              <a:t>‹#›</a:t>
            </a:fld>
            <a:endParaRPr lang="en-US"/>
          </a:p>
        </p:txBody>
      </p:sp>
      <p:pic>
        <p:nvPicPr>
          <p:cNvPr id="14343"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943" r:id="rId1"/>
    <p:sldLayoutId id="2147483944" r:id="rId2"/>
    <p:sldLayoutId id="2147483945" r:id="rId3"/>
    <p:sldLayoutId id="2147483946" r:id="rId4"/>
    <p:sldLayoutId id="2147483947" r:id="rId5"/>
    <p:sldLayoutId id="2147483948" r:id="rId6"/>
    <p:sldLayoutId id="2147483949" r:id="rId7"/>
    <p:sldLayoutId id="2147483950" r:id="rId8"/>
    <p:sldLayoutId id="2147483951" r:id="rId9"/>
    <p:sldLayoutId id="2147483952" r:id="rId10"/>
    <p:sldLayoutId id="2147483953"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2" name="Picture 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Tree>
    <p:extLst>
      <p:ext uri="{BB962C8B-B14F-4D97-AF65-F5344CB8AC3E}">
        <p14:creationId xmlns:p14="http://schemas.microsoft.com/office/powerpoint/2010/main" val="3956456583"/>
      </p:ext>
    </p:extLst>
  </p:cSld>
  <p:clrMap bg1="lt1" tx1="dk1" bg2="lt2" tx2="dk2" accent1="accent1" accent2="accent2" accent3="accent3" accent4="accent4" accent5="accent5" accent6="accent6" hlink="hlink" folHlink="folHlink"/>
  <p:sldLayoutIdLst>
    <p:sldLayoutId id="2147483955" r:id="rId1"/>
  </p:sldLayoutIdLst>
  <p:txStyles>
    <p:titleStyle>
      <a:lvl1pPr algn="ctr" rtl="0" eaLnBrk="1" fontAlgn="base" hangingPunct="1">
        <a:spcBef>
          <a:spcPct val="0"/>
        </a:spcBef>
        <a:spcAft>
          <a:spcPct val="0"/>
        </a:spcAft>
        <a:defRPr sz="4400" kern="1200">
          <a:solidFill>
            <a:schemeClr val="tx1"/>
          </a:solidFill>
          <a:latin typeface="+mj-lt"/>
          <a:ea typeface="+mj-ea"/>
          <a:cs typeface="+mj-cs"/>
        </a:defRPr>
      </a:lvl1pPr>
      <a:lvl2pPr algn="ctr" rtl="0" eaLnBrk="1" fontAlgn="base" hangingPunct="1">
        <a:spcBef>
          <a:spcPct val="0"/>
        </a:spcBef>
        <a:spcAft>
          <a:spcPct val="0"/>
        </a:spcAft>
        <a:defRPr sz="4400">
          <a:solidFill>
            <a:schemeClr val="tx1"/>
          </a:solidFill>
          <a:latin typeface="Calibri" pitchFamily="34" charset="0"/>
        </a:defRPr>
      </a:lvl2pPr>
      <a:lvl3pPr algn="ctr" rtl="0" eaLnBrk="1" fontAlgn="base" hangingPunct="1">
        <a:spcBef>
          <a:spcPct val="0"/>
        </a:spcBef>
        <a:spcAft>
          <a:spcPct val="0"/>
        </a:spcAft>
        <a:defRPr sz="4400">
          <a:solidFill>
            <a:schemeClr val="tx1"/>
          </a:solidFill>
          <a:latin typeface="Calibri" pitchFamily="34" charset="0"/>
        </a:defRPr>
      </a:lvl3pPr>
      <a:lvl4pPr algn="ctr" rtl="0" eaLnBrk="1" fontAlgn="base" hangingPunct="1">
        <a:spcBef>
          <a:spcPct val="0"/>
        </a:spcBef>
        <a:spcAft>
          <a:spcPct val="0"/>
        </a:spcAft>
        <a:defRPr sz="4400">
          <a:solidFill>
            <a:schemeClr val="tx1"/>
          </a:solidFill>
          <a:latin typeface="Calibri" pitchFamily="34" charset="0"/>
        </a:defRPr>
      </a:lvl4pPr>
      <a:lvl5pPr algn="ctr" rtl="0" eaLnBrk="1" fontAlgn="base" hangingPunct="1">
        <a:spcBef>
          <a:spcPct val="0"/>
        </a:spcBef>
        <a:spcAft>
          <a:spcPct val="0"/>
        </a:spcAft>
        <a:defRPr sz="4400">
          <a:solidFill>
            <a:schemeClr val="tx1"/>
          </a:solidFill>
          <a:latin typeface="Calibri" pitchFamily="34" charset="0"/>
        </a:defRPr>
      </a:lvl5pPr>
      <a:lvl6pPr marL="457200" algn="ctr" rtl="0" eaLnBrk="1" fontAlgn="base" hangingPunct="1">
        <a:spcBef>
          <a:spcPct val="0"/>
        </a:spcBef>
        <a:spcAft>
          <a:spcPct val="0"/>
        </a:spcAft>
        <a:defRPr sz="4400">
          <a:solidFill>
            <a:schemeClr val="tx1"/>
          </a:solidFill>
          <a:latin typeface="Calibri" pitchFamily="34" charset="0"/>
        </a:defRPr>
      </a:lvl6pPr>
      <a:lvl7pPr marL="914400" algn="ctr" rtl="0" eaLnBrk="1" fontAlgn="base" hangingPunct="1">
        <a:spcBef>
          <a:spcPct val="0"/>
        </a:spcBef>
        <a:spcAft>
          <a:spcPct val="0"/>
        </a:spcAft>
        <a:defRPr sz="4400">
          <a:solidFill>
            <a:schemeClr val="tx1"/>
          </a:solidFill>
          <a:latin typeface="Calibri" pitchFamily="34" charset="0"/>
        </a:defRPr>
      </a:lvl7pPr>
      <a:lvl8pPr marL="1371600" algn="ctr" rtl="0" eaLnBrk="1" fontAlgn="base" hangingPunct="1">
        <a:spcBef>
          <a:spcPct val="0"/>
        </a:spcBef>
        <a:spcAft>
          <a:spcPct val="0"/>
        </a:spcAft>
        <a:defRPr sz="4400">
          <a:solidFill>
            <a:schemeClr val="tx1"/>
          </a:solidFill>
          <a:latin typeface="Calibri" pitchFamily="34" charset="0"/>
        </a:defRPr>
      </a:lvl8pPr>
      <a:lvl9pPr marL="1828800" algn="ctr" rtl="0" eaLnBrk="1" fontAlgn="base" hangingPunct="1">
        <a:spcBef>
          <a:spcPct val="0"/>
        </a:spcBef>
        <a:spcAft>
          <a:spcPct val="0"/>
        </a:spcAft>
        <a:defRPr sz="4400">
          <a:solidFill>
            <a:schemeClr val="tx1"/>
          </a:solidFill>
          <a:latin typeface="Calibri" pitchFamily="34" charset="0"/>
        </a:defRPr>
      </a:lvl9pPr>
    </p:titleStyle>
    <p:bodyStyle>
      <a:lvl1pPr marL="342900" indent="-342900" algn="l" rtl="0" eaLnBrk="1" fontAlgn="base" hangingPunct="1">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eaLnBrk="1" fontAlgn="base" hangingPunct="1">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eaLnBrk="1" fontAlgn="base" hangingPunct="1">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eaLnBrk="1" fontAlgn="base" hangingPunct="1">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eaLnBrk="1" fontAlgn="base" hangingPunct="1">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ru-RU"/>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2050"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2051"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CF36F0E0-D330-4BC1-B43B-5ADFEFAEE734}"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E1BA9093-BCA4-4667-9E66-1B9D92C8AB78}" type="slidenum">
              <a:rPr lang="en-US"/>
              <a:pPr>
                <a:defRPr/>
              </a:pPr>
              <a:t>‹#›</a:t>
            </a:fld>
            <a:endParaRPr lang="en-US"/>
          </a:p>
        </p:txBody>
      </p:sp>
      <p:pic>
        <p:nvPicPr>
          <p:cNvPr id="2055"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Picture 2" descr="C:\Users\MP9\Desktop\Reference Files\ADB Logos\Corporate\ADB Logo Blue.jpg"/>
          <p:cNvPicPr>
            <a:picLocks noChangeAspect="1" noChangeArrowheads="1"/>
          </p:cNvPicPr>
          <p:nvPr userDrawn="1"/>
        </p:nvPicPr>
        <p:blipFill>
          <a:blip r:embed="rId14" cstate="print">
            <a:extLst>
              <a:ext uri="{28A0092B-C50C-407E-A947-70E740481C1C}">
                <a14:useLocalDpi xmlns:a14="http://schemas.microsoft.com/office/drawing/2010/main" val="0"/>
              </a:ext>
            </a:extLst>
          </a:blip>
          <a:srcRect/>
          <a:stretch>
            <a:fillRect/>
          </a:stretch>
        </p:blipFill>
        <p:spPr bwMode="auto">
          <a:xfrm>
            <a:off x="8077200" y="5867400"/>
            <a:ext cx="685800" cy="685800"/>
          </a:xfrm>
          <a:prstGeom prst="rect">
            <a:avLst/>
          </a:prstGeom>
          <a:noFill/>
          <a:extLst>
            <a:ext uri="{909E8E84-426E-40DD-AFC4-6F175D3DCCD1}">
              <a14:hiddenFill xmlns:a14="http://schemas.microsoft.com/office/drawing/2010/main">
                <a:solidFill>
                  <a:srgbClr val="FFFFFF"/>
                </a:solidFill>
              </a14:hiddenFill>
            </a:ext>
          </a:extLst>
        </p:spPr>
      </p:pic>
    </p:spTree>
  </p:cSld>
  <p:clrMap bg1="lt1" tx1="dk1" bg2="lt2" tx2="dk2" accent1="accent1" accent2="accent2" accent3="accent3" accent4="accent4" accent5="accent5" accent6="accent6" hlink="hlink" folHlink="folHlink"/>
  <p:sldLayoutIdLst>
    <p:sldLayoutId id="2147483811" r:id="rId1"/>
    <p:sldLayoutId id="2147483812" r:id="rId2"/>
    <p:sldLayoutId id="2147483813" r:id="rId3"/>
    <p:sldLayoutId id="2147483814" r:id="rId4"/>
    <p:sldLayoutId id="2147483815" r:id="rId5"/>
    <p:sldLayoutId id="2147483816" r:id="rId6"/>
    <p:sldLayoutId id="2147483817" r:id="rId7"/>
    <p:sldLayoutId id="2147483818" r:id="rId8"/>
    <p:sldLayoutId id="2147483819" r:id="rId9"/>
    <p:sldLayoutId id="2147483820" r:id="rId10"/>
    <p:sldLayoutId id="2147483821"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3074"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3075"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EF223E15-0CAB-44A3-8A71-B6ED70320F14}"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B6F50B97-22EC-4257-ABAD-DF9075DBFCD1}" type="slidenum">
              <a:rPr lang="en-US"/>
              <a:pPr>
                <a:defRPr/>
              </a:pPr>
              <a:t>‹#›</a:t>
            </a:fld>
            <a:endParaRPr lang="en-US"/>
          </a:p>
        </p:txBody>
      </p:sp>
      <p:pic>
        <p:nvPicPr>
          <p:cNvPr id="3079"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2" descr="C:\Users\MP9\Desktop\Reference Files\ADB Logos\Corporate\ADB Logo Blue.jpg"/>
          <p:cNvPicPr>
            <a:picLocks noChangeAspect="1" noChangeArrowheads="1"/>
          </p:cNvPicPr>
          <p:nvPr userDrawn="1"/>
        </p:nvPicPr>
        <p:blipFill>
          <a:blip r:embed="rId14" cstate="print">
            <a:extLst>
              <a:ext uri="{28A0092B-C50C-407E-A947-70E740481C1C}">
                <a14:useLocalDpi xmlns:a14="http://schemas.microsoft.com/office/drawing/2010/main" val="0"/>
              </a:ext>
            </a:extLst>
          </a:blip>
          <a:srcRect/>
          <a:stretch>
            <a:fillRect/>
          </a:stretch>
        </p:blipFill>
        <p:spPr bwMode="auto">
          <a:xfrm>
            <a:off x="8077200" y="5867400"/>
            <a:ext cx="685800" cy="685800"/>
          </a:xfrm>
          <a:prstGeom prst="rect">
            <a:avLst/>
          </a:prstGeom>
          <a:noFill/>
          <a:extLst>
            <a:ext uri="{909E8E84-426E-40DD-AFC4-6F175D3DCCD1}">
              <a14:hiddenFill xmlns:a14="http://schemas.microsoft.com/office/drawing/2010/main">
                <a:solidFill>
                  <a:srgbClr val="FFFFFF"/>
                </a:solidFill>
              </a14:hiddenFill>
            </a:ext>
          </a:extLst>
        </p:spPr>
      </p:pic>
    </p:spTree>
  </p:cSld>
  <p:clrMap bg1="lt1" tx1="dk1" bg2="lt2" tx2="dk2" accent1="accent1" accent2="accent2" accent3="accent3" accent4="accent4" accent5="accent5" accent6="accent6" hlink="hlink" folHlink="folHlink"/>
  <p:sldLayoutIdLst>
    <p:sldLayoutId id="2147483822" r:id="rId1"/>
    <p:sldLayoutId id="2147483823" r:id="rId2"/>
    <p:sldLayoutId id="2147483824" r:id="rId3"/>
    <p:sldLayoutId id="2147483825" r:id="rId4"/>
    <p:sldLayoutId id="2147483826" r:id="rId5"/>
    <p:sldLayoutId id="2147483827" r:id="rId6"/>
    <p:sldLayoutId id="2147483828" r:id="rId7"/>
    <p:sldLayoutId id="2147483829" r:id="rId8"/>
    <p:sldLayoutId id="2147483830" r:id="rId9"/>
    <p:sldLayoutId id="2147483831" r:id="rId10"/>
    <p:sldLayoutId id="2147483832"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4098"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4099"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C97F337D-2588-41A2-ACD1-DE30432C0818}"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C9481FED-8D3F-482A-AF8B-10C9196925E4}" type="slidenum">
              <a:rPr lang="en-US"/>
              <a:pPr>
                <a:defRPr/>
              </a:pPr>
              <a:t>‹#›</a:t>
            </a:fld>
            <a:endParaRPr lang="en-US"/>
          </a:p>
        </p:txBody>
      </p:sp>
      <p:pic>
        <p:nvPicPr>
          <p:cNvPr id="4103"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2" descr="C:\Users\MP9\Desktop\Reference Files\ADB Logos\Corporate\ADB Logo Blue.jpg"/>
          <p:cNvPicPr>
            <a:picLocks noChangeAspect="1" noChangeArrowheads="1"/>
          </p:cNvPicPr>
          <p:nvPr userDrawn="1"/>
        </p:nvPicPr>
        <p:blipFill>
          <a:blip r:embed="rId14" cstate="print">
            <a:extLst>
              <a:ext uri="{28A0092B-C50C-407E-A947-70E740481C1C}">
                <a14:useLocalDpi xmlns:a14="http://schemas.microsoft.com/office/drawing/2010/main" val="0"/>
              </a:ext>
            </a:extLst>
          </a:blip>
          <a:srcRect/>
          <a:stretch>
            <a:fillRect/>
          </a:stretch>
        </p:blipFill>
        <p:spPr bwMode="auto">
          <a:xfrm>
            <a:off x="8077200" y="5867400"/>
            <a:ext cx="685800" cy="685800"/>
          </a:xfrm>
          <a:prstGeom prst="rect">
            <a:avLst/>
          </a:prstGeom>
          <a:noFill/>
          <a:extLst>
            <a:ext uri="{909E8E84-426E-40DD-AFC4-6F175D3DCCD1}">
              <a14:hiddenFill xmlns:a14="http://schemas.microsoft.com/office/drawing/2010/main">
                <a:solidFill>
                  <a:srgbClr val="FFFFFF"/>
                </a:solidFill>
              </a14:hiddenFill>
            </a:ext>
          </a:extLst>
        </p:spPr>
      </p:pic>
    </p:spTree>
  </p:cSld>
  <p:clrMap bg1="lt1" tx1="dk1" bg2="lt2" tx2="dk2" accent1="accent1" accent2="accent2" accent3="accent3" accent4="accent4" accent5="accent5" accent6="accent6" hlink="hlink" folHlink="folHlink"/>
  <p:sldLayoutIdLst>
    <p:sldLayoutId id="2147483833" r:id="rId1"/>
    <p:sldLayoutId id="2147483834" r:id="rId2"/>
    <p:sldLayoutId id="2147483835" r:id="rId3"/>
    <p:sldLayoutId id="2147483836" r:id="rId4"/>
    <p:sldLayoutId id="2147483837" r:id="rId5"/>
    <p:sldLayoutId id="2147483838" r:id="rId6"/>
    <p:sldLayoutId id="2147483839" r:id="rId7"/>
    <p:sldLayoutId id="2147483840" r:id="rId8"/>
    <p:sldLayoutId id="2147483841" r:id="rId9"/>
    <p:sldLayoutId id="2147483842" r:id="rId10"/>
    <p:sldLayoutId id="2147483843"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5122"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5123"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CBA12688-69D5-4CD5-82BF-B2647B2D8FEF}"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BA3C58AC-A031-4FFB-8072-B947E910E697}" type="slidenum">
              <a:rPr lang="en-US"/>
              <a:pPr>
                <a:defRPr/>
              </a:pPr>
              <a:t>‹#›</a:t>
            </a:fld>
            <a:endParaRPr lang="en-US"/>
          </a:p>
        </p:txBody>
      </p:sp>
      <p:pic>
        <p:nvPicPr>
          <p:cNvPr id="5127"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2" descr="C:\Users\MP9\Desktop\Reference Files\ADB Logos\Corporate\ADB Logo Blue.jpg"/>
          <p:cNvPicPr>
            <a:picLocks noChangeAspect="1" noChangeArrowheads="1"/>
          </p:cNvPicPr>
          <p:nvPr userDrawn="1"/>
        </p:nvPicPr>
        <p:blipFill>
          <a:blip r:embed="rId14" cstate="print">
            <a:extLst>
              <a:ext uri="{28A0092B-C50C-407E-A947-70E740481C1C}">
                <a14:useLocalDpi xmlns:a14="http://schemas.microsoft.com/office/drawing/2010/main" val="0"/>
              </a:ext>
            </a:extLst>
          </a:blip>
          <a:srcRect/>
          <a:stretch>
            <a:fillRect/>
          </a:stretch>
        </p:blipFill>
        <p:spPr bwMode="auto">
          <a:xfrm>
            <a:off x="8077200" y="5867400"/>
            <a:ext cx="685800" cy="685800"/>
          </a:xfrm>
          <a:prstGeom prst="rect">
            <a:avLst/>
          </a:prstGeom>
          <a:noFill/>
          <a:extLst>
            <a:ext uri="{909E8E84-426E-40DD-AFC4-6F175D3DCCD1}">
              <a14:hiddenFill xmlns:a14="http://schemas.microsoft.com/office/drawing/2010/main">
                <a:solidFill>
                  <a:srgbClr val="FFFFFF"/>
                </a:solidFill>
              </a14:hiddenFill>
            </a:ext>
          </a:extLst>
        </p:spPr>
      </p:pic>
    </p:spTree>
  </p:cSld>
  <p:clrMap bg1="lt1" tx1="dk1" bg2="lt2" tx2="dk2" accent1="accent1" accent2="accent2" accent3="accent3" accent4="accent4" accent5="accent5" accent6="accent6" hlink="hlink" folHlink="folHlink"/>
  <p:sldLayoutIdLst>
    <p:sldLayoutId id="2147483844" r:id="rId1"/>
    <p:sldLayoutId id="2147483845" r:id="rId2"/>
    <p:sldLayoutId id="2147483846" r:id="rId3"/>
    <p:sldLayoutId id="2147483847" r:id="rId4"/>
    <p:sldLayoutId id="2147483848" r:id="rId5"/>
    <p:sldLayoutId id="2147483849" r:id="rId6"/>
    <p:sldLayoutId id="2147483850" r:id="rId7"/>
    <p:sldLayoutId id="2147483851" r:id="rId8"/>
    <p:sldLayoutId id="2147483852" r:id="rId9"/>
    <p:sldLayoutId id="2147483853" r:id="rId10"/>
    <p:sldLayoutId id="2147483854"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6146"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6147"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DE7CF8A0-B3F6-4538-B185-610CE8D1829B}"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EFE2289A-D4D2-47D2-9950-23BC6EF4D54D}" type="slidenum">
              <a:rPr lang="en-US"/>
              <a:pPr>
                <a:defRPr/>
              </a:pPr>
              <a:t>‹#›</a:t>
            </a:fld>
            <a:endParaRPr lang="en-US"/>
          </a:p>
        </p:txBody>
      </p:sp>
      <p:pic>
        <p:nvPicPr>
          <p:cNvPr id="6151"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2" descr="C:\Users\MP9\Desktop\Reference Files\ADB Logos\Corporate\ADB Logo Blue.jpg"/>
          <p:cNvPicPr>
            <a:picLocks noChangeAspect="1" noChangeArrowheads="1"/>
          </p:cNvPicPr>
          <p:nvPr userDrawn="1"/>
        </p:nvPicPr>
        <p:blipFill>
          <a:blip r:embed="rId14" cstate="print">
            <a:extLst>
              <a:ext uri="{28A0092B-C50C-407E-A947-70E740481C1C}">
                <a14:useLocalDpi xmlns:a14="http://schemas.microsoft.com/office/drawing/2010/main" val="0"/>
              </a:ext>
            </a:extLst>
          </a:blip>
          <a:srcRect/>
          <a:stretch>
            <a:fillRect/>
          </a:stretch>
        </p:blipFill>
        <p:spPr bwMode="auto">
          <a:xfrm>
            <a:off x="8077200" y="5867400"/>
            <a:ext cx="685800" cy="685800"/>
          </a:xfrm>
          <a:prstGeom prst="rect">
            <a:avLst/>
          </a:prstGeom>
          <a:noFill/>
          <a:extLst>
            <a:ext uri="{909E8E84-426E-40DD-AFC4-6F175D3DCCD1}">
              <a14:hiddenFill xmlns:a14="http://schemas.microsoft.com/office/drawing/2010/main">
                <a:solidFill>
                  <a:srgbClr val="FFFFFF"/>
                </a:solidFill>
              </a14:hiddenFill>
            </a:ext>
          </a:extLst>
        </p:spPr>
      </p:pic>
    </p:spTree>
  </p:cSld>
  <p:clrMap bg1="lt1" tx1="dk1" bg2="lt2" tx2="dk2" accent1="accent1" accent2="accent2" accent3="accent3" accent4="accent4" accent5="accent5" accent6="accent6" hlink="hlink" folHlink="folHlink"/>
  <p:sldLayoutIdLst>
    <p:sldLayoutId id="2147483855" r:id="rId1"/>
    <p:sldLayoutId id="2147483856" r:id="rId2"/>
    <p:sldLayoutId id="2147483857" r:id="rId3"/>
    <p:sldLayoutId id="2147483858" r:id="rId4"/>
    <p:sldLayoutId id="2147483859" r:id="rId5"/>
    <p:sldLayoutId id="2147483860" r:id="rId6"/>
    <p:sldLayoutId id="2147483861" r:id="rId7"/>
    <p:sldLayoutId id="2147483862" r:id="rId8"/>
    <p:sldLayoutId id="2147483863" r:id="rId9"/>
    <p:sldLayoutId id="2147483864" r:id="rId10"/>
    <p:sldLayoutId id="2147483865"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170"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7171"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CFE17B4A-B50F-4945-9388-588EAE36D13E}"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8EC2B957-D788-44DB-AC73-F02F29BEBF36}" type="slidenum">
              <a:rPr lang="en-US"/>
              <a:pPr>
                <a:defRPr/>
              </a:pPr>
              <a:t>‹#›</a:t>
            </a:fld>
            <a:endParaRPr lang="en-US"/>
          </a:p>
        </p:txBody>
      </p:sp>
      <p:pic>
        <p:nvPicPr>
          <p:cNvPr id="7175"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Picture 2" descr="C:\Users\MP9\Desktop\Reference Files\ADB Logos\Corporate\ADB Logo Blue.jpg"/>
          <p:cNvPicPr>
            <a:picLocks noChangeAspect="1" noChangeArrowheads="1"/>
          </p:cNvPicPr>
          <p:nvPr userDrawn="1"/>
        </p:nvPicPr>
        <p:blipFill>
          <a:blip r:embed="rId14" cstate="print">
            <a:extLst>
              <a:ext uri="{28A0092B-C50C-407E-A947-70E740481C1C}">
                <a14:useLocalDpi xmlns:a14="http://schemas.microsoft.com/office/drawing/2010/main" val="0"/>
              </a:ext>
            </a:extLst>
          </a:blip>
          <a:srcRect/>
          <a:stretch>
            <a:fillRect/>
          </a:stretch>
        </p:blipFill>
        <p:spPr bwMode="auto">
          <a:xfrm>
            <a:off x="8077200" y="5867400"/>
            <a:ext cx="685800" cy="685800"/>
          </a:xfrm>
          <a:prstGeom prst="rect">
            <a:avLst/>
          </a:prstGeom>
          <a:noFill/>
          <a:extLst>
            <a:ext uri="{909E8E84-426E-40DD-AFC4-6F175D3DCCD1}">
              <a14:hiddenFill xmlns:a14="http://schemas.microsoft.com/office/drawing/2010/main">
                <a:solidFill>
                  <a:srgbClr val="FFFFFF"/>
                </a:solidFill>
              </a14:hiddenFill>
            </a:ext>
          </a:extLst>
        </p:spPr>
      </p:pic>
    </p:spTree>
  </p:cSld>
  <p:clrMap bg1="lt1" tx1="dk1" bg2="lt2" tx2="dk2" accent1="accent1" accent2="accent2" accent3="accent3" accent4="accent4" accent5="accent5" accent6="accent6" hlink="hlink" folHlink="folHlink"/>
  <p:sldLayoutIdLst>
    <p:sldLayoutId id="2147483866" r:id="rId1"/>
    <p:sldLayoutId id="2147483867" r:id="rId2"/>
    <p:sldLayoutId id="2147483868" r:id="rId3"/>
    <p:sldLayoutId id="2147483869" r:id="rId4"/>
    <p:sldLayoutId id="2147483870" r:id="rId5"/>
    <p:sldLayoutId id="2147483871" r:id="rId6"/>
    <p:sldLayoutId id="2147483872" r:id="rId7"/>
    <p:sldLayoutId id="2147483873" r:id="rId8"/>
    <p:sldLayoutId id="2147483874" r:id="rId9"/>
    <p:sldLayoutId id="2147483875" r:id="rId10"/>
    <p:sldLayoutId id="2147483876"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8194"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8195"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E891C7CE-070F-41A9-99C8-DFFF7E38C1F3}"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63FD1815-EC26-483C-BDA9-6E375CD16E69}" type="slidenum">
              <a:rPr lang="en-US"/>
              <a:pPr>
                <a:defRPr/>
              </a:pPr>
              <a:t>‹#›</a:t>
            </a:fld>
            <a:endParaRPr lang="en-US"/>
          </a:p>
        </p:txBody>
      </p:sp>
      <p:pic>
        <p:nvPicPr>
          <p:cNvPr id="8199"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877" r:id="rId1"/>
    <p:sldLayoutId id="2147483878" r:id="rId2"/>
    <p:sldLayoutId id="2147483879" r:id="rId3"/>
    <p:sldLayoutId id="2147483880" r:id="rId4"/>
    <p:sldLayoutId id="2147483881" r:id="rId5"/>
    <p:sldLayoutId id="2147483882" r:id="rId6"/>
    <p:sldLayoutId id="2147483883" r:id="rId7"/>
    <p:sldLayoutId id="2147483884" r:id="rId8"/>
    <p:sldLayoutId id="2147483885" r:id="rId9"/>
    <p:sldLayoutId id="2147483886" r:id="rId10"/>
    <p:sldLayoutId id="2147483887"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9218" name="Title Placeholder 1"/>
          <p:cNvSpPr>
            <a:spLocks noGrp="1"/>
          </p:cNvSpPr>
          <p:nvPr>
            <p:ph type="title"/>
          </p:nvPr>
        </p:nvSpPr>
        <p:spPr bwMode="auto">
          <a:xfrm>
            <a:off x="457200" y="274638"/>
            <a:ext cx="82296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t>Click to edit Master title style</a:t>
            </a:r>
          </a:p>
        </p:txBody>
      </p:sp>
      <p:sp>
        <p:nvSpPr>
          <p:cNvPr id="9219" name="Text Placeholder 2"/>
          <p:cNvSpPr>
            <a:spLocks noGrp="1"/>
          </p:cNvSpPr>
          <p:nvPr>
            <p:ph type="body" idx="1"/>
          </p:nvPr>
        </p:nvSpPr>
        <p:spPr bwMode="auto">
          <a:xfrm>
            <a:off x="457200" y="1600200"/>
            <a:ext cx="8229600" cy="45259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smtClean="0">
                <a:solidFill>
                  <a:schemeClr val="tx1">
                    <a:tint val="75000"/>
                  </a:schemeClr>
                </a:solidFill>
              </a:defRPr>
            </a:lvl1pPr>
          </a:lstStyle>
          <a:p>
            <a:pPr>
              <a:defRPr/>
            </a:pPr>
            <a:fld id="{80707291-C02F-48A4-9F1E-BDDB8D008A33}" type="datetime1">
              <a:rPr lang="en-US" smtClean="0"/>
              <a:t>11/04/2018</a:t>
            </a:fld>
            <a:endParaRPr lang="en-US"/>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smtClean="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smtClean="0">
                <a:solidFill>
                  <a:schemeClr val="tx1">
                    <a:tint val="75000"/>
                  </a:schemeClr>
                </a:solidFill>
              </a:defRPr>
            </a:lvl1pPr>
          </a:lstStyle>
          <a:p>
            <a:pPr>
              <a:defRPr/>
            </a:pPr>
            <a:fld id="{966CA244-E249-4EBF-B8A1-A79A4427BF55}" type="slidenum">
              <a:rPr lang="en-US"/>
              <a:pPr>
                <a:defRPr/>
              </a:pPr>
              <a:t>‹#›</a:t>
            </a:fld>
            <a:endParaRPr lang="en-US"/>
          </a:p>
        </p:txBody>
      </p:sp>
      <p:pic>
        <p:nvPicPr>
          <p:cNvPr id="9223" name="Picture 6"/>
          <p:cNvPicPr>
            <a:picLocks noChangeAspect="1"/>
          </p:cNvPicPr>
          <p:nvPr/>
        </p:nvPicPr>
        <p:blipFill>
          <a:blip r:embed="rId13">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 bg1="lt1" tx1="dk1" bg2="lt2" tx2="dk2" accent1="accent1" accent2="accent2" accent3="accent3" accent4="accent4" accent5="accent5" accent6="accent6" hlink="hlink" folHlink="folHlink"/>
  <p:sldLayoutIdLst>
    <p:sldLayoutId id="2147483888" r:id="rId1"/>
    <p:sldLayoutId id="2147483889" r:id="rId2"/>
    <p:sldLayoutId id="2147483890" r:id="rId3"/>
    <p:sldLayoutId id="2147483891" r:id="rId4"/>
    <p:sldLayoutId id="2147483892" r:id="rId5"/>
    <p:sldLayoutId id="2147483893" r:id="rId6"/>
    <p:sldLayoutId id="2147483894" r:id="rId7"/>
    <p:sldLayoutId id="2147483895" r:id="rId8"/>
    <p:sldLayoutId id="2147483896" r:id="rId9"/>
    <p:sldLayoutId id="2147483897" r:id="rId10"/>
    <p:sldLayoutId id="2147483898" r:id="rId11"/>
  </p:sldLayoutIdLst>
  <p:hf hdr="0" ftr="0" dt="0"/>
  <p:txStyles>
    <p:titleStyle>
      <a:lvl1pPr algn="ctr" rtl="0" fontAlgn="base">
        <a:spcBef>
          <a:spcPct val="0"/>
        </a:spcBef>
        <a:spcAft>
          <a:spcPct val="0"/>
        </a:spcAft>
        <a:defRPr sz="4400" kern="1200">
          <a:solidFill>
            <a:schemeClr val="tx1"/>
          </a:solidFill>
          <a:latin typeface="+mj-lt"/>
          <a:ea typeface="+mj-ea"/>
          <a:cs typeface="+mj-cs"/>
        </a:defRPr>
      </a:lvl1pPr>
      <a:lvl2pPr algn="ctr" rtl="0" fontAlgn="base">
        <a:spcBef>
          <a:spcPct val="0"/>
        </a:spcBef>
        <a:spcAft>
          <a:spcPct val="0"/>
        </a:spcAft>
        <a:defRPr sz="4400">
          <a:solidFill>
            <a:schemeClr val="tx1"/>
          </a:solidFill>
          <a:latin typeface="Calibri" pitchFamily="34" charset="0"/>
        </a:defRPr>
      </a:lvl2pPr>
      <a:lvl3pPr algn="ctr" rtl="0" fontAlgn="base">
        <a:spcBef>
          <a:spcPct val="0"/>
        </a:spcBef>
        <a:spcAft>
          <a:spcPct val="0"/>
        </a:spcAft>
        <a:defRPr sz="4400">
          <a:solidFill>
            <a:schemeClr val="tx1"/>
          </a:solidFill>
          <a:latin typeface="Calibri" pitchFamily="34" charset="0"/>
        </a:defRPr>
      </a:lvl3pPr>
      <a:lvl4pPr algn="ctr" rtl="0" fontAlgn="base">
        <a:spcBef>
          <a:spcPct val="0"/>
        </a:spcBef>
        <a:spcAft>
          <a:spcPct val="0"/>
        </a:spcAft>
        <a:defRPr sz="4400">
          <a:solidFill>
            <a:schemeClr val="tx1"/>
          </a:solidFill>
          <a:latin typeface="Calibri" pitchFamily="34" charset="0"/>
        </a:defRPr>
      </a:lvl4pPr>
      <a:lvl5pPr algn="ctr" rtl="0" fontAlgn="base">
        <a:spcBef>
          <a:spcPct val="0"/>
        </a:spcBef>
        <a:spcAft>
          <a:spcPct val="0"/>
        </a:spcAft>
        <a:defRPr sz="4400">
          <a:solidFill>
            <a:schemeClr val="tx1"/>
          </a:solidFill>
          <a:latin typeface="Calibri" pitchFamily="34" charset="0"/>
        </a:defRPr>
      </a:lvl5pPr>
      <a:lvl6pPr marL="457200" algn="ctr" rtl="0" fontAlgn="base">
        <a:spcBef>
          <a:spcPct val="0"/>
        </a:spcBef>
        <a:spcAft>
          <a:spcPct val="0"/>
        </a:spcAft>
        <a:defRPr sz="4400">
          <a:solidFill>
            <a:schemeClr val="tx1"/>
          </a:solidFill>
          <a:latin typeface="Calibri" pitchFamily="34" charset="0"/>
        </a:defRPr>
      </a:lvl6pPr>
      <a:lvl7pPr marL="914400" algn="ctr" rtl="0" fontAlgn="base">
        <a:spcBef>
          <a:spcPct val="0"/>
        </a:spcBef>
        <a:spcAft>
          <a:spcPct val="0"/>
        </a:spcAft>
        <a:defRPr sz="4400">
          <a:solidFill>
            <a:schemeClr val="tx1"/>
          </a:solidFill>
          <a:latin typeface="Calibri" pitchFamily="34" charset="0"/>
        </a:defRPr>
      </a:lvl7pPr>
      <a:lvl8pPr marL="1371600" algn="ctr" rtl="0" fontAlgn="base">
        <a:spcBef>
          <a:spcPct val="0"/>
        </a:spcBef>
        <a:spcAft>
          <a:spcPct val="0"/>
        </a:spcAft>
        <a:defRPr sz="4400">
          <a:solidFill>
            <a:schemeClr val="tx1"/>
          </a:solidFill>
          <a:latin typeface="Calibri" pitchFamily="34" charset="0"/>
        </a:defRPr>
      </a:lvl8pPr>
      <a:lvl9pPr marL="1828800" algn="ctr" rtl="0" fontAlgn="base">
        <a:spcBef>
          <a:spcPct val="0"/>
        </a:spcBef>
        <a:spcAft>
          <a:spcPct val="0"/>
        </a:spcAft>
        <a:defRPr sz="4400">
          <a:solidFill>
            <a:schemeClr val="tx1"/>
          </a:solidFill>
          <a:latin typeface="Calibri" pitchFamily="34" charset="0"/>
        </a:defRPr>
      </a:lvl9pPr>
    </p:titleStyle>
    <p:bodyStyle>
      <a:lvl1pPr marL="342900" indent="-342900" algn="l" rtl="0" fontAlgn="base">
        <a:spcBef>
          <a:spcPct val="20000"/>
        </a:spcBef>
        <a:spcAft>
          <a:spcPct val="0"/>
        </a:spcAft>
        <a:buFont typeface="Arial" charset="0"/>
        <a:buChar char="•"/>
        <a:defRPr sz="3200" kern="1200">
          <a:solidFill>
            <a:schemeClr val="tx1"/>
          </a:solidFill>
          <a:latin typeface="+mn-lt"/>
          <a:ea typeface="+mn-ea"/>
          <a:cs typeface="+mn-cs"/>
        </a:defRPr>
      </a:lvl1pPr>
      <a:lvl2pPr marL="742950" indent="-285750" algn="l" rtl="0" fontAlgn="base">
        <a:spcBef>
          <a:spcPct val="20000"/>
        </a:spcBef>
        <a:spcAft>
          <a:spcPct val="0"/>
        </a:spcAft>
        <a:buFont typeface="Arial" charset="0"/>
        <a:buChar char="–"/>
        <a:defRPr sz="2800" kern="1200">
          <a:solidFill>
            <a:schemeClr val="tx1"/>
          </a:solidFill>
          <a:latin typeface="+mn-lt"/>
          <a:ea typeface="+mn-ea"/>
          <a:cs typeface="+mn-cs"/>
        </a:defRPr>
      </a:lvl2pPr>
      <a:lvl3pPr marL="1143000" indent="-228600" algn="l" rtl="0" fontAlgn="base">
        <a:spcBef>
          <a:spcPct val="20000"/>
        </a:spcBef>
        <a:spcAft>
          <a:spcPct val="0"/>
        </a:spcAft>
        <a:buFont typeface="Arial" charset="0"/>
        <a:buChar char="•"/>
        <a:defRPr sz="2400" kern="1200">
          <a:solidFill>
            <a:schemeClr val="tx1"/>
          </a:solidFill>
          <a:latin typeface="+mn-lt"/>
          <a:ea typeface="+mn-ea"/>
          <a:cs typeface="+mn-cs"/>
        </a:defRPr>
      </a:lvl3pPr>
      <a:lvl4pPr marL="1600200" indent="-228600" algn="l" rtl="0" fontAlgn="base">
        <a:spcBef>
          <a:spcPct val="20000"/>
        </a:spcBef>
        <a:spcAft>
          <a:spcPct val="0"/>
        </a:spcAft>
        <a:buFont typeface="Arial" charset="0"/>
        <a:buChar char="–"/>
        <a:defRPr sz="2000" kern="1200">
          <a:solidFill>
            <a:schemeClr val="tx1"/>
          </a:solidFill>
          <a:latin typeface="+mn-lt"/>
          <a:ea typeface="+mn-ea"/>
          <a:cs typeface="+mn-cs"/>
        </a:defRPr>
      </a:lvl4pPr>
      <a:lvl5pPr marL="2057400" indent="-228600" algn="l" rtl="0" fontAlgn="base">
        <a:spcBef>
          <a:spcPct val="20000"/>
        </a:spcBef>
        <a:spcAft>
          <a:spcPct val="0"/>
        </a:spcAft>
        <a:buFont typeface="Arial"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44.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4.xml"/></Relationships>
</file>

<file path=ppt/slides/_rels/slide11.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11.xml"/><Relationship Id="rId1" Type="http://schemas.openxmlformats.org/officeDocument/2006/relationships/slideLayout" Target="../slideLayouts/slideLayout24.xml"/></Relationships>
</file>

<file path=ppt/slides/_rels/slide12.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12.xml"/><Relationship Id="rId1" Type="http://schemas.openxmlformats.org/officeDocument/2006/relationships/slideLayout" Target="../slideLayouts/slideLayout24.xml"/></Relationships>
</file>

<file path=ppt/slides/_rels/slide13.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13.xml"/><Relationship Id="rId1" Type="http://schemas.openxmlformats.org/officeDocument/2006/relationships/slideLayout" Target="../slideLayouts/slideLayout24.xml"/><Relationship Id="rId4" Type="http://schemas.openxmlformats.org/officeDocument/2006/relationships/chart" Target="../charts/chart12.xml"/></Relationships>
</file>

<file path=ppt/slides/_rels/slide14.xml.rels><?xml version="1.0" encoding="UTF-8" standalone="yes"?>
<Relationships xmlns="http://schemas.openxmlformats.org/package/2006/relationships"><Relationship Id="rId3" Type="http://schemas.openxmlformats.org/officeDocument/2006/relationships/chart" Target="../charts/chart13.xml"/><Relationship Id="rId2" Type="http://schemas.openxmlformats.org/officeDocument/2006/relationships/notesSlide" Target="../notesSlides/notesSlide14.xml"/><Relationship Id="rId1" Type="http://schemas.openxmlformats.org/officeDocument/2006/relationships/slideLayout" Target="../slideLayouts/slideLayout24.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4.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3.xml"/></Relationships>
</file>

<file path=ppt/slides/_rels/slide17.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notesSlide" Target="../notesSlides/notesSlide17.xml"/><Relationship Id="rId1" Type="http://schemas.openxmlformats.org/officeDocument/2006/relationships/slideLayout" Target="../slideLayouts/slideLayout28.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8.xml"/></Relationships>
</file>

<file path=ppt/slides/_rels/slide19.xml.rels><?xml version="1.0" encoding="UTF-8" standalone="yes"?>
<Relationships xmlns="http://schemas.openxmlformats.org/package/2006/relationships"><Relationship Id="rId3" Type="http://schemas.openxmlformats.org/officeDocument/2006/relationships/image" Target="../media/image18.jpeg"/><Relationship Id="rId2" Type="http://schemas.openxmlformats.org/officeDocument/2006/relationships/notesSlide" Target="../notesSlides/notesSlide19.xml"/><Relationship Id="rId1" Type="http://schemas.openxmlformats.org/officeDocument/2006/relationships/slideLayout" Target="../slideLayouts/slideLayout2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4.xml"/></Relationships>
</file>

<file path=ppt/slides/_rels/slide20.xml.rels><?xml version="1.0" encoding="UTF-8" standalone="yes"?>
<Relationships xmlns="http://schemas.openxmlformats.org/package/2006/relationships"><Relationship Id="rId3" Type="http://schemas.openxmlformats.org/officeDocument/2006/relationships/image" Target="../media/image19.jpg"/><Relationship Id="rId2" Type="http://schemas.openxmlformats.org/officeDocument/2006/relationships/notesSlide" Target="../notesSlides/notesSlide20.xml"/><Relationship Id="rId1" Type="http://schemas.openxmlformats.org/officeDocument/2006/relationships/slideLayout" Target="../slideLayouts/slideLayout28.xml"/></Relationships>
</file>

<file path=ppt/slides/_rels/slide21.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1.xml"/><Relationship Id="rId1" Type="http://schemas.openxmlformats.org/officeDocument/2006/relationships/slideLayout" Target="../slideLayouts/slideLayout28.xml"/></Relationships>
</file>

<file path=ppt/slides/_rels/slide22.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2.xml"/><Relationship Id="rId1" Type="http://schemas.openxmlformats.org/officeDocument/2006/relationships/slideLayout" Target="../slideLayouts/slideLayout24.xml"/><Relationship Id="rId4" Type="http://schemas.openxmlformats.org/officeDocument/2006/relationships/image" Target="../media/image22.PNG"/></Relationships>
</file>

<file path=ppt/slides/_rels/slide23.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notesSlide" Target="../notesSlides/notesSlide23.xml"/><Relationship Id="rId1" Type="http://schemas.openxmlformats.org/officeDocument/2006/relationships/slideLayout" Target="../slideLayouts/slideLayout28.xml"/></Relationships>
</file>

<file path=ppt/slides/_rels/slide24.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24.xml"/><Relationship Id="rId1" Type="http://schemas.openxmlformats.org/officeDocument/2006/relationships/slideLayout" Target="../slideLayouts/slideLayout24.xml"/></Relationships>
</file>

<file path=ppt/slides/_rels/slide25.xml.rels><?xml version="1.0" encoding="UTF-8" standalone="yes"?>
<Relationships xmlns="http://schemas.openxmlformats.org/package/2006/relationships"><Relationship Id="rId3" Type="http://schemas.openxmlformats.org/officeDocument/2006/relationships/image" Target="../media/image24.jpg"/><Relationship Id="rId2" Type="http://schemas.openxmlformats.org/officeDocument/2006/relationships/notesSlide" Target="../notesSlides/notesSlide25.xml"/><Relationship Id="rId1" Type="http://schemas.openxmlformats.org/officeDocument/2006/relationships/slideLayout" Target="../slideLayouts/slideLayout24.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4.xml"/></Relationships>
</file>

<file path=ppt/slides/_rels/slide4.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4.xml"/><Relationship Id="rId1" Type="http://schemas.openxmlformats.org/officeDocument/2006/relationships/slideLayout" Target="../slideLayouts/slideLayout24.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4.xml"/></Relationships>
</file>

<file path=ppt/slides/_rels/slide6.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6.xml"/><Relationship Id="rId1" Type="http://schemas.openxmlformats.org/officeDocument/2006/relationships/slideLayout" Target="../slideLayouts/slideLayout26.xml"/><Relationship Id="rId4" Type="http://schemas.openxmlformats.org/officeDocument/2006/relationships/chart" Target="../charts/chart3.xml"/></Relationships>
</file>

<file path=ppt/slides/_rels/slide7.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7.xml"/><Relationship Id="rId1" Type="http://schemas.openxmlformats.org/officeDocument/2006/relationships/slideLayout" Target="../slideLayouts/slideLayout24.xml"/><Relationship Id="rId4" Type="http://schemas.openxmlformats.org/officeDocument/2006/relationships/chart" Target="../charts/chart5.xml"/></Relationships>
</file>

<file path=ppt/slides/_rels/slide8.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8.xml"/><Relationship Id="rId1" Type="http://schemas.openxmlformats.org/officeDocument/2006/relationships/slideLayout" Target="../slideLayouts/slideLayout24.xml"/></Relationships>
</file>

<file path=ppt/slides/_rels/slide9.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9.xml"/><Relationship Id="rId1" Type="http://schemas.openxmlformats.org/officeDocument/2006/relationships/slideLayout" Target="../slideLayouts/slideLayout24.xml"/><Relationship Id="rId4" Type="http://schemas.openxmlformats.org/officeDocument/2006/relationships/chart" Target="../charts/chart8.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a:extLst>
              <a:ext uri="{FF2B5EF4-FFF2-40B4-BE49-F238E27FC236}">
                <a16:creationId xmlns:a16="http://schemas.microsoft.com/office/drawing/2014/main" id="{05CAB26E-12CA-493F-A957-8A525333ED6D}"/>
              </a:ext>
            </a:extLst>
          </p:cNvPr>
          <p:cNvSpPr txBox="1"/>
          <p:nvPr/>
        </p:nvSpPr>
        <p:spPr>
          <a:xfrm>
            <a:off x="685800" y="5486400"/>
            <a:ext cx="7162800" cy="1169551"/>
          </a:xfrm>
          <a:prstGeom prst="rect">
            <a:avLst/>
          </a:prstGeom>
          <a:noFill/>
        </p:spPr>
        <p:txBody>
          <a:bodyPr wrap="square" rtlCol="0">
            <a:spAutoFit/>
          </a:bodyPr>
          <a:lstStyle/>
          <a:p>
            <a:pPr marL="0" marR="0" lvl="0" indent="0" algn="l" defTabSz="914400" rtl="0" eaLnBrk="0" fontAlgn="base" latinLnBrk="0" hangingPunct="0">
              <a:lnSpc>
                <a:spcPct val="100000"/>
              </a:lnSpc>
              <a:spcBef>
                <a:spcPct val="0"/>
              </a:spcBef>
              <a:spcAft>
                <a:spcPct val="0"/>
              </a:spcAft>
              <a:buClrTx/>
              <a:buSzTx/>
              <a:buFontTx/>
              <a:buNone/>
              <a:tabLst/>
              <a:defRPr/>
            </a:pPr>
            <a:endParaRPr kumimoji="0" lang="en-US" altLang="ko-KR" sz="1400" b="1" i="1" u="none" strike="noStrike" kern="1200" cap="none" spc="0" normalizeH="0" baseline="0" noProof="0" dirty="0">
              <a:ln>
                <a:noFill/>
              </a:ln>
              <a:solidFill>
                <a:prstClr val="black"/>
              </a:solidFill>
              <a:effectLst/>
              <a:uLnTx/>
              <a:uFillTx/>
              <a:latin typeface="Arial" panose="020B0604020202020204" pitchFamily="34" charset="0"/>
              <a:ea typeface="맑은 고딕" panose="020B0503020000020004" pitchFamily="34" charset="-127"/>
              <a:cs typeface="Arial" panose="020B0604020202020204" pitchFamily="34" charset="0"/>
            </a:endParaRPr>
          </a:p>
          <a:p>
            <a:pPr marL="0" marR="0" lvl="0" indent="0" algn="l" defTabSz="914400" rtl="0" eaLnBrk="0" fontAlgn="base" latinLnBrk="0" hangingPunct="0">
              <a:lnSpc>
                <a:spcPct val="100000"/>
              </a:lnSpc>
              <a:spcBef>
                <a:spcPct val="0"/>
              </a:spcBef>
              <a:spcAft>
                <a:spcPct val="0"/>
              </a:spcAft>
              <a:buClrTx/>
              <a:buSzTx/>
              <a:buFontTx/>
              <a:buNone/>
              <a:tabLst/>
              <a:defRPr/>
            </a:pPr>
            <a:r>
              <a:rPr kumimoji="0" lang="en-US" altLang="ko-KR" sz="1400" b="1" i="0" u="none" strike="noStrike" kern="1200" cap="none" spc="0" normalizeH="0" baseline="0" noProof="0" dirty="0">
                <a:ln>
                  <a:noFill/>
                </a:ln>
                <a:solidFill>
                  <a:prstClr val="black"/>
                </a:solidFill>
                <a:effectLst/>
                <a:uLnTx/>
                <a:uFillTx/>
                <a:latin typeface="Arial" panose="020B0604020202020204" pitchFamily="34" charset="0"/>
                <a:ea typeface="맑은 고딕" panose="020B0503020000020004" pitchFamily="34" charset="-127"/>
                <a:cs typeface="Arial" panose="020B0604020202020204" pitchFamily="34" charset="0"/>
              </a:rPr>
              <a:t>The views expressed in this document are those of the ADB staff and do not necessarily reflect the views and policies of the Asian Development Bank or its Board of Governors or the governments they represent.</a:t>
            </a:r>
          </a:p>
          <a:p>
            <a:pPr marL="0" marR="0" lvl="0" indent="0" algn="l" defTabSz="914400" rtl="0" eaLnBrk="0" fontAlgn="base" latinLnBrk="0" hangingPunct="0">
              <a:lnSpc>
                <a:spcPct val="100000"/>
              </a:lnSpc>
              <a:spcBef>
                <a:spcPct val="0"/>
              </a:spcBef>
              <a:spcAft>
                <a:spcPct val="0"/>
              </a:spcAft>
              <a:buClrTx/>
              <a:buSzTx/>
              <a:buFontTx/>
              <a:buNone/>
              <a:tabLst/>
              <a:defRPr/>
            </a:pPr>
            <a:endParaRPr kumimoji="0" lang="en-US" altLang="ko-KR" sz="1400" b="1" i="1" u="none" strike="noStrike" kern="1200" cap="none" spc="0" normalizeH="0" baseline="0" noProof="0" dirty="0">
              <a:ln>
                <a:noFill/>
              </a:ln>
              <a:solidFill>
                <a:prstClr val="black"/>
              </a:solidFill>
              <a:effectLst/>
              <a:uLnTx/>
              <a:uFillTx/>
              <a:latin typeface="Arial" panose="020B0604020202020204" pitchFamily="34" charset="0"/>
              <a:ea typeface="맑은 고딕" panose="020B0503020000020004" pitchFamily="34" charset="-127"/>
              <a:cs typeface="Arial" panose="020B0604020202020204" pitchFamily="34" charset="0"/>
            </a:endParaRPr>
          </a:p>
        </p:txBody>
      </p:sp>
    </p:spTree>
    <p:extLst>
      <p:ext uri="{BB962C8B-B14F-4D97-AF65-F5344CB8AC3E}">
        <p14:creationId xmlns:p14="http://schemas.microsoft.com/office/powerpoint/2010/main" val="23105829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7089798" y="6484807"/>
            <a:ext cx="1749401" cy="365125"/>
          </a:xfrm>
        </p:spPr>
        <p:txBody>
          <a:bodyPr/>
          <a:lstStyle/>
          <a:p>
            <a:fld id="{2D2BA73B-819F-4F5C-A415-CC1AB3DC340A}" type="slidenum">
              <a:rPr lang="en-US" smtClean="0">
                <a:solidFill>
                  <a:schemeClr val="tx1"/>
                </a:solidFill>
              </a:rPr>
              <a:pPr/>
              <a:t>10</a:t>
            </a:fld>
            <a:endParaRPr lang="en-US" dirty="0">
              <a:solidFill>
                <a:schemeClr val="tx1"/>
              </a:solidFill>
            </a:endParaRPr>
          </a:p>
        </p:txBody>
      </p:sp>
      <p:graphicFrame>
        <p:nvGraphicFramePr>
          <p:cNvPr id="67" name="Table 66"/>
          <p:cNvGraphicFramePr>
            <a:graphicFrameLocks noGrp="1"/>
          </p:cNvGraphicFramePr>
          <p:nvPr>
            <p:extLst>
              <p:ext uri="{D42A27DB-BD31-4B8C-83A1-F6EECF244321}">
                <p14:modId xmlns:p14="http://schemas.microsoft.com/office/powerpoint/2010/main" val="1961740717"/>
              </p:ext>
            </p:extLst>
          </p:nvPr>
        </p:nvGraphicFramePr>
        <p:xfrm>
          <a:off x="228599" y="1219200"/>
          <a:ext cx="8686799" cy="4582837"/>
        </p:xfrm>
        <a:graphic>
          <a:graphicData uri="http://schemas.openxmlformats.org/drawingml/2006/table">
            <a:tbl>
              <a:tblPr/>
              <a:tblGrid>
                <a:gridCol w="2347784">
                  <a:extLst>
                    <a:ext uri="{9D8B030D-6E8A-4147-A177-3AD203B41FA5}">
                      <a16:colId xmlns:a16="http://schemas.microsoft.com/office/drawing/2014/main" val="3086825859"/>
                    </a:ext>
                  </a:extLst>
                </a:gridCol>
                <a:gridCol w="769490">
                  <a:extLst>
                    <a:ext uri="{9D8B030D-6E8A-4147-A177-3AD203B41FA5}">
                      <a16:colId xmlns:a16="http://schemas.microsoft.com/office/drawing/2014/main" val="2958164952"/>
                    </a:ext>
                  </a:extLst>
                </a:gridCol>
                <a:gridCol w="665018">
                  <a:extLst>
                    <a:ext uri="{9D8B030D-6E8A-4147-A177-3AD203B41FA5}">
                      <a16:colId xmlns:a16="http://schemas.microsoft.com/office/drawing/2014/main" val="2075380183"/>
                    </a:ext>
                  </a:extLst>
                </a:gridCol>
                <a:gridCol w="748145">
                  <a:extLst>
                    <a:ext uri="{9D8B030D-6E8A-4147-A177-3AD203B41FA5}">
                      <a16:colId xmlns:a16="http://schemas.microsoft.com/office/drawing/2014/main" val="3217325012"/>
                    </a:ext>
                  </a:extLst>
                </a:gridCol>
                <a:gridCol w="1946563">
                  <a:extLst>
                    <a:ext uri="{9D8B030D-6E8A-4147-A177-3AD203B41FA5}">
                      <a16:colId xmlns:a16="http://schemas.microsoft.com/office/drawing/2014/main" val="1527846815"/>
                    </a:ext>
                  </a:extLst>
                </a:gridCol>
                <a:gridCol w="801130">
                  <a:extLst>
                    <a:ext uri="{9D8B030D-6E8A-4147-A177-3AD203B41FA5}">
                      <a16:colId xmlns:a16="http://schemas.microsoft.com/office/drawing/2014/main" val="2807277057"/>
                    </a:ext>
                  </a:extLst>
                </a:gridCol>
                <a:gridCol w="660524">
                  <a:extLst>
                    <a:ext uri="{9D8B030D-6E8A-4147-A177-3AD203B41FA5}">
                      <a16:colId xmlns:a16="http://schemas.microsoft.com/office/drawing/2014/main" val="3127685199"/>
                    </a:ext>
                  </a:extLst>
                </a:gridCol>
                <a:gridCol w="748145">
                  <a:extLst>
                    <a:ext uri="{9D8B030D-6E8A-4147-A177-3AD203B41FA5}">
                      <a16:colId xmlns:a16="http://schemas.microsoft.com/office/drawing/2014/main" val="408957808"/>
                    </a:ext>
                  </a:extLst>
                </a:gridCol>
              </a:tblGrid>
              <a:tr h="243122">
                <a:tc>
                  <a:txBody>
                    <a:bodyPr/>
                    <a:lstStyle/>
                    <a:p>
                      <a:pPr algn="r" fontAlgn="b"/>
                      <a:r>
                        <a:rPr lang="en-US" sz="1600" b="1" i="0" u="none" strike="noStrike" dirty="0">
                          <a:solidFill>
                            <a:srgbClr val="002060"/>
                          </a:solidFill>
                          <a:effectLst/>
                          <a:latin typeface="Arial" panose="020B0604020202020204" pitchFamily="34" charset="0"/>
                          <a:cs typeface="Arial" panose="020B0604020202020204" pitchFamily="34" charset="0"/>
                        </a:rPr>
                        <a:t> </a:t>
                      </a:r>
                    </a:p>
                  </a:txBody>
                  <a:tcPr marL="0" marR="0" marT="0" marB="0" anchor="b">
                    <a:lnL w="12700" cap="flat" cmpd="sng" algn="ctr">
                      <a:solidFill>
                        <a:srgbClr val="DA9694"/>
                      </a:solidFill>
                      <a:prstDash val="solid"/>
                      <a:round/>
                      <a:headEnd type="none" w="med" len="med"/>
                      <a:tailEnd type="none" w="med" len="med"/>
                    </a:lnL>
                    <a:lnR>
                      <a:noFill/>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algn="ctr" fontAlgn="b"/>
                      <a:r>
                        <a:rPr lang="en-US" sz="1600" b="1" i="0" u="none" strike="noStrike" dirty="0">
                          <a:solidFill>
                            <a:srgbClr val="002060"/>
                          </a:solidFill>
                          <a:effectLst/>
                          <a:latin typeface="Arial" panose="020B0604020202020204" pitchFamily="34" charset="0"/>
                          <a:cs typeface="Arial" panose="020B0604020202020204" pitchFamily="34" charset="0"/>
                        </a:rPr>
                        <a:t>2017</a:t>
                      </a:r>
                    </a:p>
                  </a:txBody>
                  <a:tcPr marL="0" marR="0" marT="0" marB="0">
                    <a:lnL>
                      <a:noFill/>
                    </a:lnL>
                    <a:lnR>
                      <a:noFill/>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algn="ctr" fontAlgn="b"/>
                      <a:r>
                        <a:rPr lang="en-US" sz="1600" b="1" i="0" u="none" strike="noStrike" dirty="0">
                          <a:solidFill>
                            <a:srgbClr val="002060"/>
                          </a:solidFill>
                          <a:effectLst/>
                          <a:latin typeface="Arial" panose="020B0604020202020204" pitchFamily="34" charset="0"/>
                          <a:cs typeface="Arial" panose="020B0604020202020204" pitchFamily="34" charset="0"/>
                        </a:rPr>
                        <a:t>2018</a:t>
                      </a:r>
                    </a:p>
                  </a:txBody>
                  <a:tcPr marL="0" marR="0" marT="0" marB="0">
                    <a:lnL>
                      <a:noFill/>
                    </a:lnL>
                    <a:lnR>
                      <a:noFill/>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algn="ctr" fontAlgn="b"/>
                      <a:r>
                        <a:rPr lang="en-US" sz="1600" b="1" i="0" u="none" strike="noStrike" dirty="0">
                          <a:solidFill>
                            <a:srgbClr val="002060"/>
                          </a:solidFill>
                          <a:effectLst/>
                          <a:latin typeface="Arial" panose="020B0604020202020204" pitchFamily="34" charset="0"/>
                          <a:cs typeface="Arial" panose="020B0604020202020204" pitchFamily="34" charset="0"/>
                        </a:rPr>
                        <a:t>2019</a:t>
                      </a:r>
                    </a:p>
                  </a:txBody>
                  <a:tcPr marL="0" marR="0" marT="0" marB="0">
                    <a:lnL w="12700" cap="flat" cmpd="sng" algn="ctr">
                      <a:noFill/>
                      <a:prstDash val="solid"/>
                      <a:round/>
                      <a:headEnd type="none" w="med" len="med"/>
                      <a:tailEnd type="none" w="med" len="med"/>
                    </a:lnL>
                    <a:lnR w="12700" cap="flat" cmpd="sng" algn="ctr">
                      <a:solidFill>
                        <a:srgbClr val="DA9694"/>
                      </a:solidFill>
                      <a:prstDash val="solid"/>
                      <a:round/>
                      <a:headEnd type="none" w="med" len="med"/>
                      <a:tailEnd type="none" w="med" len="med"/>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algn="r" fontAlgn="b"/>
                      <a:r>
                        <a:rPr lang="en-US" sz="1600" b="1" i="0" u="none" strike="noStrike" dirty="0">
                          <a:solidFill>
                            <a:srgbClr val="002060"/>
                          </a:solidFill>
                          <a:effectLst/>
                          <a:latin typeface="Arial" panose="020B0604020202020204" pitchFamily="34" charset="0"/>
                          <a:cs typeface="Arial" panose="020B0604020202020204" pitchFamily="34" charset="0"/>
                        </a:rPr>
                        <a:t> </a:t>
                      </a:r>
                    </a:p>
                  </a:txBody>
                  <a:tcPr marL="0" marR="0" marT="0" marB="0" anchor="b">
                    <a:lnL w="12700" cap="flat" cmpd="sng" algn="ctr">
                      <a:solidFill>
                        <a:srgbClr val="DA9694"/>
                      </a:solidFill>
                      <a:prstDash val="solid"/>
                      <a:round/>
                      <a:headEnd type="none" w="med" len="med"/>
                      <a:tailEnd type="none" w="med" len="med"/>
                    </a:lnL>
                    <a:lnR>
                      <a:noFill/>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algn="ctr" fontAlgn="b"/>
                      <a:r>
                        <a:rPr lang="en-US" sz="1600" b="1" i="0" u="none" strike="noStrike" dirty="0">
                          <a:solidFill>
                            <a:srgbClr val="002060"/>
                          </a:solidFill>
                          <a:effectLst/>
                          <a:latin typeface="Arial" panose="020B0604020202020204" pitchFamily="34" charset="0"/>
                          <a:cs typeface="Arial" panose="020B0604020202020204" pitchFamily="34" charset="0"/>
                        </a:rPr>
                        <a:t>2017</a:t>
                      </a:r>
                    </a:p>
                  </a:txBody>
                  <a:tcPr marL="0" marR="0" marT="0" marB="0">
                    <a:lnL>
                      <a:noFill/>
                    </a:lnL>
                    <a:lnR>
                      <a:noFill/>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algn="ctr" fontAlgn="b"/>
                      <a:r>
                        <a:rPr lang="en-US" sz="1600" b="1" i="0" u="none" strike="noStrike" dirty="0">
                          <a:solidFill>
                            <a:srgbClr val="002060"/>
                          </a:solidFill>
                          <a:effectLst/>
                          <a:latin typeface="Arial" panose="020B0604020202020204" pitchFamily="34" charset="0"/>
                          <a:cs typeface="Arial" panose="020B0604020202020204" pitchFamily="34" charset="0"/>
                        </a:rPr>
                        <a:t>2018</a:t>
                      </a:r>
                    </a:p>
                  </a:txBody>
                  <a:tcPr marL="0" marR="0" marT="0" marB="0">
                    <a:lnL>
                      <a:noFill/>
                    </a:lnL>
                    <a:lnR>
                      <a:noFill/>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algn="ctr" fontAlgn="b"/>
                      <a:r>
                        <a:rPr lang="en-US" sz="1600" b="1" i="0" u="none" strike="noStrike" dirty="0">
                          <a:solidFill>
                            <a:srgbClr val="002060"/>
                          </a:solidFill>
                          <a:effectLst/>
                          <a:latin typeface="Arial" panose="020B0604020202020204" pitchFamily="34" charset="0"/>
                          <a:cs typeface="Arial" panose="020B0604020202020204" pitchFamily="34" charset="0"/>
                        </a:rPr>
                        <a:t>2019</a:t>
                      </a:r>
                    </a:p>
                  </a:txBody>
                  <a:tcPr marL="0" marR="0" marT="0" marB="0">
                    <a:lnL w="12700" cap="flat" cmpd="sng" algn="ctr">
                      <a:noFill/>
                      <a:prstDash val="solid"/>
                      <a:round/>
                      <a:headEnd type="none" w="med" len="med"/>
                      <a:tailEnd type="none" w="med" len="med"/>
                    </a:lnL>
                    <a:lnR w="12700" cap="flat" cmpd="sng" algn="ctr">
                      <a:solidFill>
                        <a:srgbClr val="DA9694"/>
                      </a:solidFill>
                      <a:prstDash val="solid"/>
                      <a:round/>
                      <a:headEnd type="none" w="med" len="med"/>
                      <a:tailEnd type="none" w="med" len="med"/>
                    </a:lnR>
                    <a:lnT w="12700" cap="flat" cmpd="sng" algn="ctr">
                      <a:solidFill>
                        <a:schemeClr val="tx1"/>
                      </a:solidFill>
                      <a:prstDash val="solid"/>
                      <a:round/>
                      <a:headEnd type="none" w="med" len="med"/>
                      <a:tailEnd type="none" w="med" len="med"/>
                    </a:lnT>
                    <a:lnB>
                      <a:noFill/>
                    </a:lnB>
                    <a:solidFill>
                      <a:srgbClr val="33CCCC"/>
                    </a:solidFill>
                  </a:tcPr>
                </a:tc>
                <a:extLst>
                  <a:ext uri="{0D108BD9-81ED-4DB2-BD59-A6C34878D82A}">
                    <a16:rowId xmlns:a16="http://schemas.microsoft.com/office/drawing/2014/main" val="3811048272"/>
                  </a:ext>
                </a:extLst>
              </a:tr>
              <a:tr h="289560">
                <a:tc>
                  <a:txBody>
                    <a:bodyPr/>
                    <a:lstStyle/>
                    <a:p>
                      <a:pPr algn="l" fontAlgn="ctr"/>
                      <a:r>
                        <a:rPr lang="en-US" sz="1600" b="1" i="0" u="none" strike="noStrike" dirty="0">
                          <a:solidFill>
                            <a:srgbClr val="002060"/>
                          </a:solidFill>
                          <a:effectLst/>
                          <a:latin typeface="Arial" panose="020B0604020202020204" pitchFamily="34" charset="0"/>
                          <a:cs typeface="Arial" panose="020B0604020202020204" pitchFamily="34" charset="0"/>
                        </a:rPr>
                        <a:t> </a:t>
                      </a:r>
                    </a:p>
                  </a:txBody>
                  <a:tcPr marL="0" marR="0" marT="0" marB="0" anchor="ctr">
                    <a:lnL w="12700" cap="flat" cmpd="sng" algn="ctr">
                      <a:solidFill>
                        <a:srgbClr val="DA9694"/>
                      </a:solidFill>
                      <a:prstDash val="solid"/>
                      <a:round/>
                      <a:headEnd type="none" w="med" len="med"/>
                      <a:tailEnd type="none" w="med" len="med"/>
                    </a:lnL>
                    <a:lnR>
                      <a:noFill/>
                    </a:lnR>
                    <a:lnT>
                      <a:noFill/>
                    </a:lnT>
                    <a:lnB w="12700" cap="flat" cmpd="sng" algn="ctr">
                      <a:solidFill>
                        <a:schemeClr val="tx1"/>
                      </a:solidFill>
                      <a:prstDash val="solid"/>
                      <a:round/>
                      <a:headEnd type="none" w="med" len="med"/>
                      <a:tailEnd type="none" w="med" len="med"/>
                    </a:lnB>
                    <a:solidFill>
                      <a:srgbClr val="33CCCC"/>
                    </a:solidFill>
                  </a:tcPr>
                </a:tc>
                <a:tc>
                  <a:txBody>
                    <a:bodyPr/>
                    <a:lstStyle/>
                    <a:p>
                      <a:pPr algn="ctr" fontAlgn="b"/>
                      <a:r>
                        <a:rPr lang="en-US" sz="1600" b="1" i="0" u="none" strike="noStrike" dirty="0">
                          <a:solidFill>
                            <a:srgbClr val="002060"/>
                          </a:solidFill>
                          <a:effectLst/>
                          <a:latin typeface="Arial" panose="020B0604020202020204" pitchFamily="34" charset="0"/>
                          <a:cs typeface="Arial" panose="020B0604020202020204" pitchFamily="34" charset="0"/>
                        </a:rPr>
                        <a:t>Actual</a:t>
                      </a:r>
                    </a:p>
                  </a:txBody>
                  <a:tcPr marL="0" marR="0" marT="0" marB="0">
                    <a:lnL>
                      <a:noFill/>
                    </a:lnL>
                    <a:lnR>
                      <a:noFill/>
                    </a:lnR>
                    <a:lnT>
                      <a:noFill/>
                    </a:lnT>
                    <a:lnB w="12700" cap="flat" cmpd="sng" algn="ctr">
                      <a:solidFill>
                        <a:schemeClr val="tx1"/>
                      </a:solidFill>
                      <a:prstDash val="solid"/>
                      <a:round/>
                      <a:headEnd type="none" w="med" len="med"/>
                      <a:tailEnd type="none" w="med" len="med"/>
                    </a:lnB>
                    <a:solidFill>
                      <a:srgbClr val="33CCCC"/>
                    </a:solidFill>
                  </a:tcPr>
                </a:tc>
                <a:tc gridSpan="2">
                  <a:txBody>
                    <a:bodyPr/>
                    <a:lstStyle/>
                    <a:p>
                      <a:pPr algn="ctr"/>
                      <a:r>
                        <a:rPr lang="en-US" sz="1600" b="1" i="1" u="none" strike="noStrike" dirty="0">
                          <a:solidFill>
                            <a:srgbClr val="002060"/>
                          </a:solidFill>
                          <a:effectLst/>
                          <a:latin typeface="Arial" panose="020B0604020202020204" pitchFamily="34" charset="0"/>
                          <a:cs typeface="Arial" panose="020B0604020202020204" pitchFamily="34" charset="0"/>
                        </a:rPr>
                        <a:t>Forecast</a:t>
                      </a:r>
                    </a:p>
                  </a:txBody>
                  <a:tcPr marL="0" marR="0" marT="0" marB="0">
                    <a:lnL>
                      <a:noFill/>
                    </a:lnL>
                    <a:lnR w="12700" cap="flat" cmpd="sng" algn="ctr">
                      <a:solidFill>
                        <a:srgbClr val="DA9694"/>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solidFill>
                      <a:srgbClr val="33CCCC"/>
                    </a:solidFill>
                  </a:tcPr>
                </a:tc>
                <a:tc hMerge="1">
                  <a:txBody>
                    <a:bodyPr/>
                    <a:lstStyle/>
                    <a:p>
                      <a:pPr algn="ctr" fontAlgn="b"/>
                      <a:endParaRPr lang="en-US" sz="1600" b="1" i="1" u="none" strike="noStrike" dirty="0">
                        <a:solidFill>
                          <a:srgbClr val="FF6600"/>
                        </a:solidFill>
                        <a:effectLst/>
                        <a:latin typeface="+mn-lt"/>
                      </a:endParaRPr>
                    </a:p>
                  </a:txBody>
                  <a:tcPr marL="0" marR="0" marT="0" marB="0">
                    <a:lnL>
                      <a:noFill/>
                    </a:lnL>
                    <a:lnR w="12700" cap="flat" cmpd="sng" algn="ctr">
                      <a:solidFill>
                        <a:srgbClr val="DA9694"/>
                      </a:solidFill>
                      <a:prstDash val="solid"/>
                      <a:round/>
                      <a:headEnd type="none" w="med" len="med"/>
                      <a:tailEnd type="none" w="med" len="med"/>
                    </a:lnR>
                    <a:lnT>
                      <a:noFill/>
                    </a:lnT>
                    <a:lnB w="6350" cap="flat" cmpd="sng" algn="ctr">
                      <a:solidFill>
                        <a:srgbClr val="DA9694"/>
                      </a:solidFill>
                      <a:prstDash val="solid"/>
                      <a:round/>
                      <a:headEnd type="none" w="med" len="med"/>
                      <a:tailEnd type="none" w="med" len="med"/>
                    </a:lnB>
                    <a:solidFill>
                      <a:schemeClr val="accent2">
                        <a:lumMod val="20000"/>
                        <a:lumOff val="80000"/>
                      </a:schemeClr>
                    </a:solidFill>
                  </a:tcPr>
                </a:tc>
                <a:tc>
                  <a:txBody>
                    <a:bodyPr/>
                    <a:lstStyle/>
                    <a:p>
                      <a:pPr algn="ctr" fontAlgn="ctr"/>
                      <a:r>
                        <a:rPr lang="en-US" sz="1600" b="1" i="0" u="none" strike="noStrike" dirty="0">
                          <a:solidFill>
                            <a:srgbClr val="002060"/>
                          </a:solidFill>
                          <a:effectLst/>
                          <a:latin typeface="Arial" panose="020B0604020202020204" pitchFamily="34" charset="0"/>
                          <a:cs typeface="Arial" panose="020B0604020202020204" pitchFamily="34" charset="0"/>
                        </a:rPr>
                        <a:t> </a:t>
                      </a:r>
                    </a:p>
                  </a:txBody>
                  <a:tcPr marL="0" marR="0" marT="0" marB="0" anchor="ctr">
                    <a:lnL w="12700" cap="flat" cmpd="sng" algn="ctr">
                      <a:solidFill>
                        <a:srgbClr val="DA9694"/>
                      </a:solidFill>
                      <a:prstDash val="solid"/>
                      <a:round/>
                      <a:headEnd type="none" w="med" len="med"/>
                      <a:tailEnd type="none" w="med" len="med"/>
                    </a:lnL>
                    <a:lnR>
                      <a:noFill/>
                    </a:lnR>
                    <a:lnT>
                      <a:noFill/>
                    </a:lnT>
                    <a:lnB w="12700" cap="flat" cmpd="sng" algn="ctr">
                      <a:solidFill>
                        <a:schemeClr val="tx1"/>
                      </a:solidFill>
                      <a:prstDash val="solid"/>
                      <a:round/>
                      <a:headEnd type="none" w="med" len="med"/>
                      <a:tailEnd type="none" w="med" len="med"/>
                    </a:lnB>
                    <a:solidFill>
                      <a:srgbClr val="33CCCC"/>
                    </a:solidFill>
                  </a:tcPr>
                </a:tc>
                <a:tc>
                  <a:txBody>
                    <a:bodyPr/>
                    <a:lstStyle/>
                    <a:p>
                      <a:pPr algn="ctr" fontAlgn="b"/>
                      <a:r>
                        <a:rPr lang="en-US" sz="1600" b="1" i="0" u="none" strike="noStrike" dirty="0">
                          <a:solidFill>
                            <a:srgbClr val="002060"/>
                          </a:solidFill>
                          <a:effectLst/>
                          <a:latin typeface="Arial" panose="020B0604020202020204" pitchFamily="34" charset="0"/>
                          <a:cs typeface="Arial" panose="020B0604020202020204" pitchFamily="34" charset="0"/>
                        </a:rPr>
                        <a:t>Actual</a:t>
                      </a:r>
                    </a:p>
                  </a:txBody>
                  <a:tcPr marL="0" marR="0" marT="0" marB="0">
                    <a:lnL>
                      <a:noFill/>
                    </a:lnL>
                    <a:lnR>
                      <a:noFill/>
                    </a:lnR>
                    <a:lnT>
                      <a:noFill/>
                    </a:lnT>
                    <a:lnB w="12700" cap="flat" cmpd="sng" algn="ctr">
                      <a:solidFill>
                        <a:schemeClr val="tx1"/>
                      </a:solidFill>
                      <a:prstDash val="solid"/>
                      <a:round/>
                      <a:headEnd type="none" w="med" len="med"/>
                      <a:tailEnd type="none" w="med" len="med"/>
                    </a:lnB>
                    <a:solidFill>
                      <a:srgbClr val="33CCCC"/>
                    </a:solidFill>
                  </a:tcPr>
                </a:tc>
                <a:tc gridSpan="2">
                  <a:txBody>
                    <a:bodyPr/>
                    <a:lstStyle/>
                    <a:p>
                      <a:pPr algn="ctr"/>
                      <a:r>
                        <a:rPr lang="en-US" sz="1600" b="1" i="1" u="none" strike="noStrike" dirty="0">
                          <a:solidFill>
                            <a:srgbClr val="002060"/>
                          </a:solidFill>
                          <a:effectLst/>
                          <a:latin typeface="Arial" panose="020B0604020202020204" pitchFamily="34" charset="0"/>
                          <a:cs typeface="Arial" panose="020B0604020202020204" pitchFamily="34" charset="0"/>
                        </a:rPr>
                        <a:t>Forecast</a:t>
                      </a:r>
                    </a:p>
                  </a:txBody>
                  <a:tcPr marL="0" marR="0" marT="0" marB="0">
                    <a:lnL>
                      <a:noFill/>
                    </a:lnL>
                    <a:lnR w="12700" cap="flat" cmpd="sng" algn="ctr">
                      <a:solidFill>
                        <a:srgbClr val="DA9694"/>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solidFill>
                      <a:srgbClr val="33CCCC"/>
                    </a:solidFill>
                  </a:tcPr>
                </a:tc>
                <a:tc hMerge="1">
                  <a:txBody>
                    <a:bodyPr/>
                    <a:lstStyle/>
                    <a:p>
                      <a:pPr algn="ctr" fontAlgn="b"/>
                      <a:endParaRPr lang="en-US" sz="1600" b="1" i="1" u="none" strike="noStrike" dirty="0">
                        <a:solidFill>
                          <a:srgbClr val="FF6600"/>
                        </a:solidFill>
                        <a:effectLst/>
                        <a:latin typeface="+mn-lt"/>
                      </a:endParaRPr>
                    </a:p>
                  </a:txBody>
                  <a:tcPr marL="0" marR="0" marT="0" marB="0">
                    <a:lnL>
                      <a:noFill/>
                    </a:lnL>
                    <a:lnR w="12700" cap="flat" cmpd="sng" algn="ctr">
                      <a:solidFill>
                        <a:srgbClr val="DA9694"/>
                      </a:solidFill>
                      <a:prstDash val="solid"/>
                      <a:round/>
                      <a:headEnd type="none" w="med" len="med"/>
                      <a:tailEnd type="none" w="med" len="med"/>
                    </a:lnR>
                    <a:lnT>
                      <a:noFill/>
                    </a:lnT>
                    <a:lnB w="6350" cap="flat" cmpd="sng" algn="ctr">
                      <a:solidFill>
                        <a:srgbClr val="DA9694"/>
                      </a:solidFill>
                      <a:prstDash val="solid"/>
                      <a:round/>
                      <a:headEnd type="none" w="med" len="med"/>
                      <a:tailEnd type="none" w="med" len="med"/>
                    </a:lnB>
                    <a:solidFill>
                      <a:schemeClr val="accent2">
                        <a:lumMod val="20000"/>
                        <a:lumOff val="80000"/>
                      </a:schemeClr>
                    </a:solidFill>
                  </a:tcPr>
                </a:tc>
                <a:extLst>
                  <a:ext uri="{0D108BD9-81ED-4DB2-BD59-A6C34878D82A}">
                    <a16:rowId xmlns:a16="http://schemas.microsoft.com/office/drawing/2014/main" val="2058723068"/>
                  </a:ext>
                </a:extLst>
              </a:tr>
              <a:tr h="152400">
                <a:tc>
                  <a:txBody>
                    <a:bodyPr/>
                    <a:lstStyle/>
                    <a:p>
                      <a:pPr marL="91440" algn="l" fontAlgn="b"/>
                      <a:endParaRPr lang="en-US" sz="1400" b="1" i="0" u="none" strike="noStrike" dirty="0">
                        <a:solidFill>
                          <a:srgbClr val="963634"/>
                        </a:solidFill>
                        <a:effectLst/>
                        <a:latin typeface="Arial" panose="020B0604020202020204" pitchFamily="34" charset="0"/>
                        <a:cs typeface="Arial" panose="020B0604020202020204" pitchFamily="34" charset="0"/>
                      </a:endParaRPr>
                    </a:p>
                  </a:txBody>
                  <a:tcPr marL="0" marR="0" marT="0" marB="0" anchor="b">
                    <a:lnL w="12700" cap="flat" cmpd="sng" algn="ctr">
                      <a:solidFill>
                        <a:srgbClr val="DA9694"/>
                      </a:solidFill>
                      <a:prstDash val="solid"/>
                      <a:round/>
                      <a:headEnd type="none" w="med" len="med"/>
                      <a:tailEnd type="none" w="med" len="med"/>
                    </a:lnL>
                    <a:lnR>
                      <a:noFill/>
                    </a:lnR>
                    <a:lnT w="12700" cap="flat" cmpd="sng" algn="ctr">
                      <a:solidFill>
                        <a:schemeClr val="tx1"/>
                      </a:solidFill>
                      <a:prstDash val="solid"/>
                      <a:round/>
                      <a:headEnd type="none" w="med" len="med"/>
                      <a:tailEnd type="none" w="med" len="med"/>
                    </a:lnT>
                    <a:lnB>
                      <a:noFill/>
                    </a:lnB>
                  </a:tcPr>
                </a:tc>
                <a:tc>
                  <a:txBody>
                    <a:bodyPr/>
                    <a:lstStyle/>
                    <a:p>
                      <a:pPr algn="ctr" fontAlgn="b"/>
                      <a:endParaRPr lang="en-US" sz="1600" b="1" i="0" u="none" strike="noStrike" dirty="0">
                        <a:solidFill>
                          <a:srgbClr val="963634"/>
                        </a:solidFill>
                        <a:effectLst/>
                        <a:latin typeface="Arial" panose="020B0604020202020204" pitchFamily="34" charset="0"/>
                        <a:cs typeface="Arial" panose="020B0604020202020204" pitchFamily="34" charset="0"/>
                      </a:endParaRPr>
                    </a:p>
                  </a:txBody>
                  <a:tcPr marL="0" marR="0" marT="0" marB="0" anchor="b">
                    <a:lnL>
                      <a:noFill/>
                    </a:lnL>
                    <a:lnR>
                      <a:noFill/>
                    </a:lnR>
                    <a:lnT w="12700" cap="flat" cmpd="sng" algn="ctr">
                      <a:solidFill>
                        <a:schemeClr val="tx1"/>
                      </a:solidFill>
                      <a:prstDash val="solid"/>
                      <a:round/>
                      <a:headEnd type="none" w="med" len="med"/>
                      <a:tailEnd type="none" w="med" len="med"/>
                    </a:lnT>
                    <a:lnB>
                      <a:noFill/>
                    </a:lnB>
                  </a:tcPr>
                </a:tc>
                <a:tc>
                  <a:txBody>
                    <a:bodyPr/>
                    <a:lstStyle/>
                    <a:p>
                      <a:endParaRPr lang="en-US" sz="1600" dirty="0">
                        <a:latin typeface="Arial" panose="020B0604020202020204" pitchFamily="34" charset="0"/>
                        <a:cs typeface="Arial" panose="020B0604020202020204" pitchFamily="34" charset="0"/>
                      </a:endParaRPr>
                    </a:p>
                  </a:txBody>
                  <a:tcPr marL="0" marR="0" marT="0" marB="0" anchor="b">
                    <a:lnL>
                      <a:noFill/>
                    </a:lnL>
                    <a:lnR>
                      <a:noFill/>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algn="ctr" fontAlgn="b"/>
                      <a:endParaRPr lang="en-US" sz="1600" b="1" i="0" u="none" strike="noStrike" dirty="0">
                        <a:solidFill>
                          <a:srgbClr val="963634"/>
                        </a:solidFill>
                        <a:effectLst/>
                        <a:latin typeface="Arial" panose="020B0604020202020204" pitchFamily="34" charset="0"/>
                        <a:cs typeface="Arial" panose="020B0604020202020204" pitchFamily="34" charset="0"/>
                      </a:endParaRPr>
                    </a:p>
                  </a:txBody>
                  <a:tcPr marL="0" marR="0" marT="0" marB="0" anchor="b">
                    <a:lnL>
                      <a:noFill/>
                    </a:lnL>
                    <a:lnR w="12700" cap="flat" cmpd="sng" algn="ctr">
                      <a:solidFill>
                        <a:srgbClr val="DA9694"/>
                      </a:solidFill>
                      <a:prstDash val="solid"/>
                      <a:round/>
                      <a:headEnd type="none" w="med" len="med"/>
                      <a:tailEnd type="none" w="med" len="med"/>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marL="91440" algn="l" fontAlgn="b"/>
                      <a:endParaRPr lang="en-US" sz="1600" b="1" i="0" u="none" strike="noStrike" dirty="0">
                        <a:solidFill>
                          <a:srgbClr val="963634"/>
                        </a:solidFill>
                        <a:effectLst/>
                        <a:latin typeface="Arial" panose="020B0604020202020204" pitchFamily="34" charset="0"/>
                        <a:cs typeface="Arial" panose="020B0604020202020204" pitchFamily="34" charset="0"/>
                      </a:endParaRPr>
                    </a:p>
                  </a:txBody>
                  <a:tcPr marL="0" marR="0" marT="0" marB="0" anchor="b">
                    <a:lnL w="12700" cap="flat" cmpd="sng" algn="ctr">
                      <a:solidFill>
                        <a:srgbClr val="DA9694"/>
                      </a:solidFill>
                      <a:prstDash val="solid"/>
                      <a:round/>
                      <a:headEnd type="none" w="med" len="med"/>
                      <a:tailEnd type="none" w="med" len="med"/>
                    </a:lnL>
                    <a:lnR>
                      <a:noFill/>
                    </a:lnR>
                    <a:lnT w="12700" cap="flat" cmpd="sng" algn="ctr">
                      <a:solidFill>
                        <a:schemeClr val="tx1"/>
                      </a:solidFill>
                      <a:prstDash val="solid"/>
                      <a:round/>
                      <a:headEnd type="none" w="med" len="med"/>
                      <a:tailEnd type="none" w="med" len="med"/>
                    </a:lnT>
                    <a:lnB>
                      <a:noFill/>
                    </a:lnB>
                  </a:tcPr>
                </a:tc>
                <a:tc>
                  <a:txBody>
                    <a:bodyPr/>
                    <a:lstStyle/>
                    <a:p>
                      <a:pPr algn="ctr" fontAlgn="b"/>
                      <a:endParaRPr lang="en-US" sz="1600" b="1" i="0" u="none" strike="noStrike" dirty="0">
                        <a:solidFill>
                          <a:srgbClr val="963634"/>
                        </a:solidFill>
                        <a:effectLst/>
                        <a:latin typeface="Arial" panose="020B0604020202020204" pitchFamily="34" charset="0"/>
                        <a:cs typeface="Arial" panose="020B0604020202020204" pitchFamily="34" charset="0"/>
                      </a:endParaRPr>
                    </a:p>
                  </a:txBody>
                  <a:tcPr marL="0" marR="0" marT="0" marB="0" anchor="b">
                    <a:lnL>
                      <a:noFill/>
                    </a:lnL>
                    <a:lnR>
                      <a:noFill/>
                    </a:lnR>
                    <a:lnT w="12700" cap="flat" cmpd="sng" algn="ctr">
                      <a:solidFill>
                        <a:schemeClr val="tx1"/>
                      </a:solidFill>
                      <a:prstDash val="solid"/>
                      <a:round/>
                      <a:headEnd type="none" w="med" len="med"/>
                      <a:tailEnd type="none" w="med" len="med"/>
                    </a:lnT>
                    <a:lnB>
                      <a:noFill/>
                    </a:lnB>
                  </a:tcPr>
                </a:tc>
                <a:tc>
                  <a:txBody>
                    <a:bodyPr/>
                    <a:lstStyle/>
                    <a:p>
                      <a:endParaRPr lang="en-US" sz="1600" dirty="0">
                        <a:latin typeface="Arial" panose="020B0604020202020204" pitchFamily="34" charset="0"/>
                        <a:cs typeface="Arial" panose="020B0604020202020204" pitchFamily="34" charset="0"/>
                      </a:endParaRPr>
                    </a:p>
                  </a:txBody>
                  <a:tcPr marL="0" marR="0" marT="0" marB="0" anchor="b">
                    <a:lnL>
                      <a:noFill/>
                    </a:lnL>
                    <a:lnR>
                      <a:noFill/>
                    </a:lnR>
                    <a:lnT w="12700" cap="flat" cmpd="sng" algn="ctr">
                      <a:solidFill>
                        <a:schemeClr val="tx1"/>
                      </a:solidFill>
                      <a:prstDash val="solid"/>
                      <a:round/>
                      <a:headEnd type="none" w="med" len="med"/>
                      <a:tailEnd type="none" w="med" len="med"/>
                    </a:lnT>
                    <a:lnB>
                      <a:noFill/>
                    </a:lnB>
                    <a:solidFill>
                      <a:srgbClr val="33CCCC"/>
                    </a:solidFill>
                  </a:tcPr>
                </a:tc>
                <a:tc>
                  <a:txBody>
                    <a:bodyPr/>
                    <a:lstStyle/>
                    <a:p>
                      <a:pPr algn="ctr" fontAlgn="b"/>
                      <a:endParaRPr lang="en-US" sz="1600" b="1" i="0" u="none" strike="noStrike" dirty="0">
                        <a:solidFill>
                          <a:srgbClr val="963634"/>
                        </a:solidFill>
                        <a:effectLst/>
                        <a:latin typeface="Arial" panose="020B0604020202020204" pitchFamily="34" charset="0"/>
                        <a:cs typeface="Arial" panose="020B0604020202020204" pitchFamily="34" charset="0"/>
                      </a:endParaRPr>
                    </a:p>
                  </a:txBody>
                  <a:tcPr marL="0" marR="0" marT="0" marB="0" anchor="b">
                    <a:lnL>
                      <a:noFill/>
                    </a:lnL>
                    <a:lnR w="12700" cap="flat" cmpd="sng" algn="ctr">
                      <a:solidFill>
                        <a:srgbClr val="DA9694"/>
                      </a:solidFill>
                      <a:prstDash val="solid"/>
                      <a:round/>
                      <a:headEnd type="none" w="med" len="med"/>
                      <a:tailEnd type="none" w="med" len="med"/>
                    </a:lnR>
                    <a:lnT w="12700" cap="flat" cmpd="sng" algn="ctr">
                      <a:solidFill>
                        <a:schemeClr val="tx1"/>
                      </a:solidFill>
                      <a:prstDash val="solid"/>
                      <a:round/>
                      <a:headEnd type="none" w="med" len="med"/>
                      <a:tailEnd type="none" w="med" len="med"/>
                    </a:lnT>
                    <a:lnB>
                      <a:noFill/>
                    </a:lnB>
                    <a:solidFill>
                      <a:srgbClr val="33CCCC"/>
                    </a:solidFill>
                  </a:tcPr>
                </a:tc>
                <a:extLst>
                  <a:ext uri="{0D108BD9-81ED-4DB2-BD59-A6C34878D82A}">
                    <a16:rowId xmlns:a16="http://schemas.microsoft.com/office/drawing/2014/main" val="2097297318"/>
                  </a:ext>
                </a:extLst>
              </a:tr>
              <a:tr h="243122">
                <a:tc>
                  <a:txBody>
                    <a:bodyPr/>
                    <a:lstStyle/>
                    <a:p>
                      <a:pPr algn="l" fontAlgn="b"/>
                      <a:r>
                        <a:rPr lang="en-US" sz="1600" b="1" i="0" u="none" strike="noStrike" dirty="0">
                          <a:solidFill>
                            <a:srgbClr val="C00000"/>
                          </a:solidFill>
                          <a:effectLst/>
                          <a:latin typeface="Arial" panose="020B0604020202020204" pitchFamily="34" charset="0"/>
                          <a:cs typeface="Arial" panose="020B0604020202020204" pitchFamily="34" charset="0"/>
                        </a:rPr>
                        <a:t> East Asia</a:t>
                      </a:r>
                    </a:p>
                  </a:txBody>
                  <a:tcPr marL="0"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1" i="0" u="none" strike="noStrike" dirty="0">
                          <a:solidFill>
                            <a:srgbClr val="C00000"/>
                          </a:solidFill>
                          <a:effectLst/>
                          <a:latin typeface="Arial" panose="020B0604020202020204" pitchFamily="34" charset="0"/>
                          <a:cs typeface="Arial" panose="020B0604020202020204" pitchFamily="34" charset="0"/>
                        </a:rPr>
                        <a:t>6.3</a:t>
                      </a:r>
                    </a:p>
                  </a:txBody>
                  <a:tcPr marL="0" marR="0" marT="0" marB="0" anchor="b">
                    <a:lnL>
                      <a:noFill/>
                    </a:lnL>
                    <a:lnR>
                      <a:noFill/>
                    </a:lnR>
                    <a:lnT>
                      <a:noFill/>
                    </a:lnT>
                    <a:lnB>
                      <a:noFill/>
                    </a:lnB>
                  </a:tcPr>
                </a:tc>
                <a:tc>
                  <a:txBody>
                    <a:bodyPr/>
                    <a:lstStyle/>
                    <a:p>
                      <a:pPr marL="0" algn="ctr" defTabSz="914400" rtl="0" eaLnBrk="1" latinLnBrk="0" hangingPunct="1"/>
                      <a:r>
                        <a:rPr lang="en-US" sz="1600" b="1" i="0" u="none" strike="noStrike" kern="1200" dirty="0">
                          <a:solidFill>
                            <a:srgbClr val="C00000"/>
                          </a:solidFill>
                          <a:effectLst/>
                          <a:latin typeface="Arial" panose="020B0604020202020204" pitchFamily="34" charset="0"/>
                          <a:ea typeface="+mn-ea"/>
                          <a:cs typeface="Arial" panose="020B0604020202020204" pitchFamily="34" charset="0"/>
                        </a:rPr>
                        <a:t>6.0</a:t>
                      </a:r>
                    </a:p>
                  </a:txBody>
                  <a:tcPr marL="0" marR="0" marT="0" marB="0" anchor="b">
                    <a:lnL>
                      <a:noFill/>
                    </a:lnL>
                    <a:lnR>
                      <a:noFill/>
                    </a:lnR>
                    <a:lnT>
                      <a:noFill/>
                    </a:lnT>
                    <a:lnB>
                      <a:noFill/>
                    </a:lnB>
                    <a:solidFill>
                      <a:srgbClr val="33CCCC"/>
                    </a:solidFill>
                  </a:tcPr>
                </a:tc>
                <a:tc>
                  <a:txBody>
                    <a:bodyPr/>
                    <a:lstStyle/>
                    <a:p>
                      <a:pPr marL="0" algn="ctr" defTabSz="914400" rtl="0" eaLnBrk="1" fontAlgn="b" latinLnBrk="0" hangingPunct="1"/>
                      <a:r>
                        <a:rPr lang="en-US" sz="1600" b="1" i="0" u="none" strike="noStrike" kern="1200" dirty="0">
                          <a:solidFill>
                            <a:srgbClr val="C00000"/>
                          </a:solidFill>
                          <a:effectLst/>
                          <a:latin typeface="Arial" panose="020B0604020202020204" pitchFamily="34" charset="0"/>
                          <a:ea typeface="+mn-ea"/>
                          <a:cs typeface="Arial" panose="020B0604020202020204" pitchFamily="34" charset="0"/>
                        </a:rPr>
                        <a:t>5.8</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1" i="0" u="none" strike="noStrike" dirty="0">
                          <a:solidFill>
                            <a:srgbClr val="C00000"/>
                          </a:solidFill>
                          <a:effectLst/>
                          <a:latin typeface="Arial" panose="020B0604020202020204" pitchFamily="34" charset="0"/>
                          <a:cs typeface="Arial" panose="020B0604020202020204" pitchFamily="34" charset="0"/>
                        </a:rPr>
                        <a:t> South Asia</a:t>
                      </a:r>
                    </a:p>
                  </a:txBody>
                  <a:tcPr marL="0"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1" i="0" u="none" strike="noStrike" dirty="0">
                          <a:solidFill>
                            <a:srgbClr val="C00000"/>
                          </a:solidFill>
                          <a:effectLst/>
                          <a:latin typeface="Arial" panose="020B0604020202020204" pitchFamily="34" charset="0"/>
                          <a:cs typeface="Arial" panose="020B0604020202020204" pitchFamily="34" charset="0"/>
                        </a:rPr>
                        <a:t>6.4</a:t>
                      </a:r>
                    </a:p>
                  </a:txBody>
                  <a:tcPr marL="0" marR="0" marT="0" marB="0" anchor="b">
                    <a:lnL>
                      <a:noFill/>
                    </a:lnL>
                    <a:lnR>
                      <a:noFill/>
                    </a:lnR>
                    <a:lnT>
                      <a:noFill/>
                    </a:lnT>
                    <a:lnB>
                      <a:noFill/>
                    </a:lnB>
                  </a:tcPr>
                </a:tc>
                <a:tc>
                  <a:txBody>
                    <a:bodyPr/>
                    <a:lstStyle/>
                    <a:p>
                      <a:pPr marL="0" algn="ctr" defTabSz="914400" rtl="0" eaLnBrk="1" fontAlgn="b" latinLnBrk="0" hangingPunct="1"/>
                      <a:r>
                        <a:rPr lang="en-US" sz="1600" b="1" i="0" u="none" strike="noStrike" kern="1200" dirty="0">
                          <a:solidFill>
                            <a:srgbClr val="C00000"/>
                          </a:solidFill>
                          <a:effectLst/>
                          <a:latin typeface="Arial" panose="020B0604020202020204" pitchFamily="34" charset="0"/>
                          <a:ea typeface="+mn-ea"/>
                          <a:cs typeface="Arial" panose="020B0604020202020204" pitchFamily="34" charset="0"/>
                        </a:rPr>
                        <a:t>7.0</a:t>
                      </a:r>
                    </a:p>
                  </a:txBody>
                  <a:tcPr marL="0" marR="0" marT="0" marB="0" anchor="b">
                    <a:lnL>
                      <a:noFill/>
                    </a:lnL>
                    <a:lnR>
                      <a:noFill/>
                    </a:lnR>
                    <a:lnT>
                      <a:noFill/>
                    </a:lnT>
                    <a:lnB>
                      <a:noFill/>
                    </a:lnB>
                    <a:solidFill>
                      <a:srgbClr val="33CCCC"/>
                    </a:solidFill>
                  </a:tcPr>
                </a:tc>
                <a:tc>
                  <a:txBody>
                    <a:bodyPr/>
                    <a:lstStyle/>
                    <a:p>
                      <a:pPr algn="ctr" fontAlgn="b"/>
                      <a:r>
                        <a:rPr lang="en-US" sz="1600" b="1" i="0" u="none" strike="noStrike" dirty="0">
                          <a:solidFill>
                            <a:srgbClr val="C00000"/>
                          </a:solidFill>
                          <a:effectLst/>
                          <a:latin typeface="Arial" panose="020B0604020202020204" pitchFamily="34" charset="0"/>
                          <a:cs typeface="Arial" panose="020B0604020202020204" pitchFamily="34" charset="0"/>
                        </a:rPr>
                        <a:t>7.2</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1869632663"/>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China, People’s Rep. of</a:t>
                      </a:r>
                    </a:p>
                  </a:txBody>
                  <a:tcPr marL="85725"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6.9</a:t>
                      </a:r>
                    </a:p>
                  </a:txBody>
                  <a:tcPr marL="0" marR="0" marT="0" marB="0" anchor="b">
                    <a:lnL>
                      <a:noFill/>
                    </a:lnL>
                    <a:lnR>
                      <a:noFill/>
                    </a:lnR>
                    <a:lnT>
                      <a:noFill/>
                    </a:lnT>
                    <a:lnB>
                      <a:noFill/>
                    </a:lnB>
                  </a:tcPr>
                </a:tc>
                <a:tc>
                  <a:txBody>
                    <a:bodyPr/>
                    <a:lstStyle/>
                    <a:p>
                      <a:pPr marL="0" algn="ctr" defTabSz="914400" rtl="0" eaLnBrk="1" latinLnBrk="0" hangingPunct="1"/>
                      <a:r>
                        <a:rPr lang="en-US" sz="1600" b="0" i="0" u="none" strike="noStrike" kern="1200" dirty="0">
                          <a:solidFill>
                            <a:srgbClr val="000000"/>
                          </a:solidFill>
                          <a:effectLst/>
                          <a:latin typeface="Arial" panose="020B0604020202020204" pitchFamily="34" charset="0"/>
                          <a:ea typeface="+mn-ea"/>
                          <a:cs typeface="Arial" panose="020B0604020202020204" pitchFamily="34" charset="0"/>
                        </a:rPr>
                        <a:t>6.6</a:t>
                      </a:r>
                    </a:p>
                  </a:txBody>
                  <a:tcPr marL="0" marR="0" marT="0" marB="0" anchor="b">
                    <a:lnL>
                      <a:noFill/>
                    </a:lnL>
                    <a:lnR>
                      <a:noFill/>
                    </a:lnR>
                    <a:lnT>
                      <a:noFill/>
                    </a:lnT>
                    <a:lnB>
                      <a:noFill/>
                    </a:lnB>
                    <a:solidFill>
                      <a:srgbClr val="33CCCC"/>
                    </a:solidFill>
                  </a:tcPr>
                </a:tc>
                <a:tc>
                  <a:txBody>
                    <a:bodyPr/>
                    <a:lstStyle/>
                    <a:p>
                      <a:pPr marL="0" algn="ctr" defTabSz="914400" rtl="0" eaLnBrk="1" fontAlgn="b" latinLnBrk="0" hangingPunct="1"/>
                      <a:r>
                        <a:rPr lang="en-US" sz="1600" b="0" i="0" u="none" strike="noStrike" kern="1200" dirty="0">
                          <a:solidFill>
                            <a:srgbClr val="000000"/>
                          </a:solidFill>
                          <a:effectLst/>
                          <a:latin typeface="Arial" panose="020B0604020202020204" pitchFamily="34" charset="0"/>
                          <a:ea typeface="+mn-ea"/>
                          <a:cs typeface="Arial" panose="020B0604020202020204" pitchFamily="34" charset="0"/>
                        </a:rPr>
                        <a:t>6.4</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Bangladesh</a:t>
                      </a:r>
                    </a:p>
                  </a:txBody>
                  <a:tcPr marL="85725"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7.3</a:t>
                      </a:r>
                    </a:p>
                  </a:txBody>
                  <a:tcPr marL="0" marR="0" marT="0" marB="0" anchor="b">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7.0</a:t>
                      </a:r>
                    </a:p>
                  </a:txBody>
                  <a:tcPr marL="0" marR="0" marT="0" marB="0" anchor="b">
                    <a:lnL>
                      <a:noFill/>
                    </a:lnL>
                    <a:lnR>
                      <a:noFill/>
                    </a:lnR>
                    <a:lnT>
                      <a:noFill/>
                    </a:lnT>
                    <a:lnB>
                      <a:noFill/>
                    </a:lnB>
                    <a:solidFill>
                      <a:srgbClr val="33CCCC"/>
                    </a:solidFill>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7.2</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2336011637"/>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Hong Kong, China</a:t>
                      </a:r>
                    </a:p>
                  </a:txBody>
                  <a:tcPr marL="85725"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3.8</a:t>
                      </a:r>
                    </a:p>
                  </a:txBody>
                  <a:tcPr marL="0" marR="0" marT="0" marB="0" anchor="b">
                    <a:lnL>
                      <a:noFill/>
                    </a:lnL>
                    <a:lnR>
                      <a:noFill/>
                    </a:lnR>
                    <a:lnT>
                      <a:noFill/>
                    </a:lnT>
                    <a:lnB>
                      <a:noFill/>
                    </a:lnB>
                  </a:tcPr>
                </a:tc>
                <a:tc>
                  <a:txBody>
                    <a:bodyPr/>
                    <a:lstStyle/>
                    <a:p>
                      <a:pPr marL="0" algn="ctr" defTabSz="914400" rtl="0" eaLnBrk="1" latinLnBrk="0" hangingPunct="1"/>
                      <a:r>
                        <a:rPr lang="en-US" sz="1600" b="0" i="0" u="none" strike="noStrike" kern="1200" dirty="0">
                          <a:solidFill>
                            <a:srgbClr val="000000"/>
                          </a:solidFill>
                          <a:effectLst/>
                          <a:latin typeface="Arial" panose="020B0604020202020204" pitchFamily="34" charset="0"/>
                          <a:ea typeface="+mn-ea"/>
                          <a:cs typeface="Arial" panose="020B0604020202020204" pitchFamily="34" charset="0"/>
                        </a:rPr>
                        <a:t>3.2</a:t>
                      </a:r>
                    </a:p>
                  </a:txBody>
                  <a:tcPr marL="0" marR="0" marT="0" marB="0" anchor="b">
                    <a:lnL>
                      <a:noFill/>
                    </a:lnL>
                    <a:lnR>
                      <a:noFill/>
                    </a:lnR>
                    <a:lnT>
                      <a:noFill/>
                    </a:lnT>
                    <a:lnB>
                      <a:noFill/>
                    </a:lnB>
                    <a:solidFill>
                      <a:srgbClr val="33CCCC"/>
                    </a:solidFill>
                  </a:tcPr>
                </a:tc>
                <a:tc>
                  <a:txBody>
                    <a:bodyPr/>
                    <a:lstStyle/>
                    <a:p>
                      <a:pPr marL="0" algn="ctr" defTabSz="914400" rtl="0" eaLnBrk="1" fontAlgn="b" latinLnBrk="0" hangingPunct="1"/>
                      <a:r>
                        <a:rPr lang="en-US" sz="1600" b="0" i="0" u="none" strike="noStrike" kern="1200" dirty="0">
                          <a:solidFill>
                            <a:srgbClr val="000000"/>
                          </a:solidFill>
                          <a:effectLst/>
                          <a:latin typeface="Arial" panose="020B0604020202020204" pitchFamily="34" charset="0"/>
                          <a:ea typeface="+mn-ea"/>
                          <a:cs typeface="Arial" panose="020B0604020202020204" pitchFamily="34" charset="0"/>
                        </a:rPr>
                        <a:t>3.0</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India</a:t>
                      </a:r>
                    </a:p>
                  </a:txBody>
                  <a:tcPr marL="85725"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6.6</a:t>
                      </a:r>
                    </a:p>
                  </a:txBody>
                  <a:tcPr marL="0" marR="0" marT="0" marB="0" anchor="b">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7.3</a:t>
                      </a:r>
                    </a:p>
                  </a:txBody>
                  <a:tcPr marL="0" marR="0" marT="0" marB="0" anchor="b">
                    <a:lnL>
                      <a:noFill/>
                    </a:lnL>
                    <a:lnR>
                      <a:noFill/>
                    </a:lnR>
                    <a:lnT>
                      <a:noFill/>
                    </a:lnT>
                    <a:lnB>
                      <a:noFill/>
                    </a:lnB>
                    <a:solidFill>
                      <a:srgbClr val="33CCCC"/>
                    </a:solidFill>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7.6</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964794330"/>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Korea, Rep. of</a:t>
                      </a:r>
                    </a:p>
                  </a:txBody>
                  <a:tcPr marL="85725"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3.1</a:t>
                      </a:r>
                    </a:p>
                  </a:txBody>
                  <a:tcPr marL="0" marR="0" marT="0" marB="0" anchor="b">
                    <a:lnL>
                      <a:noFill/>
                    </a:lnL>
                    <a:lnR>
                      <a:noFill/>
                    </a:lnR>
                    <a:lnT>
                      <a:noFill/>
                    </a:lnT>
                    <a:lnB>
                      <a:noFill/>
                    </a:lnB>
                  </a:tcPr>
                </a:tc>
                <a:tc>
                  <a:txBody>
                    <a:bodyPr/>
                    <a:lstStyle/>
                    <a:p>
                      <a:pPr marL="0" algn="ctr" defTabSz="914400" rtl="0" eaLnBrk="1" latinLnBrk="0" hangingPunct="1"/>
                      <a:r>
                        <a:rPr lang="en-US" sz="1600" b="0" i="0" u="none" strike="noStrike" kern="1200" dirty="0">
                          <a:solidFill>
                            <a:srgbClr val="000000"/>
                          </a:solidFill>
                          <a:effectLst/>
                          <a:latin typeface="Arial" panose="020B0604020202020204" pitchFamily="34" charset="0"/>
                          <a:ea typeface="+mn-ea"/>
                          <a:cs typeface="Arial" panose="020B0604020202020204" pitchFamily="34" charset="0"/>
                        </a:rPr>
                        <a:t>3.0</a:t>
                      </a:r>
                    </a:p>
                  </a:txBody>
                  <a:tcPr marL="0" marR="0" marT="0" marB="0" anchor="b">
                    <a:lnL>
                      <a:noFill/>
                    </a:lnL>
                    <a:lnR>
                      <a:noFill/>
                    </a:lnR>
                    <a:lnT>
                      <a:noFill/>
                    </a:lnT>
                    <a:lnB>
                      <a:noFill/>
                    </a:lnB>
                    <a:solidFill>
                      <a:srgbClr val="33CCCC"/>
                    </a:solidFill>
                  </a:tcPr>
                </a:tc>
                <a:tc>
                  <a:txBody>
                    <a:bodyPr/>
                    <a:lstStyle/>
                    <a:p>
                      <a:pPr marL="0" algn="ctr" defTabSz="914400" rtl="0" eaLnBrk="1" fontAlgn="b" latinLnBrk="0" hangingPunct="1"/>
                      <a:r>
                        <a:rPr lang="en-US" sz="1600" b="0" i="0" u="none" strike="noStrike" kern="1200" dirty="0">
                          <a:solidFill>
                            <a:srgbClr val="000000"/>
                          </a:solidFill>
                          <a:effectLst/>
                          <a:latin typeface="Arial" panose="020B0604020202020204" pitchFamily="34" charset="0"/>
                          <a:ea typeface="+mn-ea"/>
                          <a:cs typeface="Arial" panose="020B0604020202020204" pitchFamily="34" charset="0"/>
                        </a:rPr>
                        <a:t>2.9</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Pakistan</a:t>
                      </a:r>
                    </a:p>
                  </a:txBody>
                  <a:tcPr marL="85725"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5.3</a:t>
                      </a:r>
                    </a:p>
                  </a:txBody>
                  <a:tcPr marL="0" marR="0" marT="0" marB="0" anchor="b">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5.6</a:t>
                      </a:r>
                    </a:p>
                  </a:txBody>
                  <a:tcPr marL="0" marR="0" marT="0" marB="0" anchor="b">
                    <a:lnL>
                      <a:noFill/>
                    </a:lnL>
                    <a:lnR>
                      <a:noFill/>
                    </a:lnR>
                    <a:lnT>
                      <a:noFill/>
                    </a:lnT>
                    <a:lnB>
                      <a:noFill/>
                    </a:lnB>
                    <a:solidFill>
                      <a:srgbClr val="33CCCC"/>
                    </a:solidFill>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5.1</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4015287674"/>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a:t>
                      </a:r>
                      <a:r>
                        <a:rPr lang="en-US" sz="1600" b="0" i="0" u="none" strike="noStrike" dirty="0" err="1">
                          <a:solidFill>
                            <a:srgbClr val="000000"/>
                          </a:solidFill>
                          <a:effectLst/>
                          <a:latin typeface="Arial" panose="020B0604020202020204" pitchFamily="34" charset="0"/>
                          <a:cs typeface="Arial" panose="020B0604020202020204" pitchFamily="34" charset="0"/>
                        </a:rPr>
                        <a:t>Taipei,China</a:t>
                      </a:r>
                      <a:endParaRPr lang="en-US" sz="1600" b="0" i="0" u="none" strike="noStrike" dirty="0">
                        <a:solidFill>
                          <a:srgbClr val="000000"/>
                        </a:solidFill>
                        <a:effectLst/>
                        <a:latin typeface="Arial" panose="020B0604020202020204" pitchFamily="34" charset="0"/>
                        <a:cs typeface="Arial" panose="020B0604020202020204" pitchFamily="34" charset="0"/>
                      </a:endParaRPr>
                    </a:p>
                  </a:txBody>
                  <a:tcPr marL="85725"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2.9</a:t>
                      </a:r>
                    </a:p>
                  </a:txBody>
                  <a:tcPr marL="0" marR="0" marT="0" marB="0" anchor="b">
                    <a:lnL>
                      <a:noFill/>
                    </a:lnL>
                    <a:lnR>
                      <a:noFill/>
                    </a:lnR>
                    <a:lnT>
                      <a:noFill/>
                    </a:lnT>
                    <a:lnB>
                      <a:noFill/>
                    </a:lnB>
                  </a:tcPr>
                </a:tc>
                <a:tc>
                  <a:txBody>
                    <a:bodyPr/>
                    <a:lstStyle/>
                    <a:p>
                      <a:pPr marL="0" algn="ctr" defTabSz="914400" rtl="0" eaLnBrk="1" latinLnBrk="0" hangingPunct="1"/>
                      <a:r>
                        <a:rPr lang="en-US" sz="1600" b="0" i="0" u="none" strike="noStrike" kern="1200" dirty="0">
                          <a:solidFill>
                            <a:srgbClr val="000000"/>
                          </a:solidFill>
                          <a:effectLst/>
                          <a:latin typeface="Arial" panose="020B0604020202020204" pitchFamily="34" charset="0"/>
                          <a:ea typeface="+mn-ea"/>
                          <a:cs typeface="Arial" panose="020B0604020202020204" pitchFamily="34" charset="0"/>
                        </a:rPr>
                        <a:t>2.9</a:t>
                      </a:r>
                    </a:p>
                  </a:txBody>
                  <a:tcPr marL="0" marR="0" marT="0" marB="0" anchor="b">
                    <a:lnL>
                      <a:noFill/>
                    </a:lnL>
                    <a:lnR>
                      <a:noFill/>
                    </a:lnR>
                    <a:lnT>
                      <a:noFill/>
                    </a:lnT>
                    <a:lnB>
                      <a:noFill/>
                    </a:lnB>
                    <a:solidFill>
                      <a:srgbClr val="33CCCC"/>
                    </a:solidFill>
                  </a:tcPr>
                </a:tc>
                <a:tc>
                  <a:txBody>
                    <a:bodyPr/>
                    <a:lstStyle/>
                    <a:p>
                      <a:pPr marL="0" algn="ctr" defTabSz="914400" rtl="0" eaLnBrk="1" fontAlgn="b" latinLnBrk="0" hangingPunct="1"/>
                      <a:r>
                        <a:rPr lang="en-US" sz="1600" b="0" i="0" u="none" strike="noStrike" kern="1200" dirty="0">
                          <a:solidFill>
                            <a:srgbClr val="000000"/>
                          </a:solidFill>
                          <a:effectLst/>
                          <a:latin typeface="Arial" panose="020B0604020202020204" pitchFamily="34" charset="0"/>
                          <a:ea typeface="+mn-ea"/>
                          <a:cs typeface="Arial" panose="020B0604020202020204" pitchFamily="34" charset="0"/>
                        </a:rPr>
                        <a:t>2.8</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endParaRPr lang="en-US" sz="1600" b="0" i="0" u="none" strike="noStrike" dirty="0">
                        <a:solidFill>
                          <a:srgbClr val="000000"/>
                        </a:solidFill>
                        <a:effectLst/>
                        <a:latin typeface="Arial" panose="020B0604020202020204" pitchFamily="34" charset="0"/>
                        <a:cs typeface="Arial" panose="020B0604020202020204" pitchFamily="34" charset="0"/>
                      </a:endParaRPr>
                    </a:p>
                  </a:txBody>
                  <a:tcPr marL="0"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endPar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endParaRPr>
                    </a:p>
                  </a:txBody>
                  <a:tcPr marL="0" marR="0" marT="0" marB="0" anchor="b">
                    <a:lnL>
                      <a:noFill/>
                    </a:lnL>
                    <a:lnR>
                      <a:noFill/>
                    </a:lnR>
                    <a:lnT>
                      <a:noFill/>
                    </a:lnT>
                    <a:lnB>
                      <a:noFill/>
                    </a:lnB>
                  </a:tcPr>
                </a:tc>
                <a:tc>
                  <a:txBody>
                    <a:bodyPr/>
                    <a:lstStyle/>
                    <a:p>
                      <a:pPr marL="0" algn="ctr" defTabSz="914400" rtl="0" eaLnBrk="1" fontAlgn="b" latinLnBrk="0" hangingPunct="1"/>
                      <a:endPar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endParaRPr>
                    </a:p>
                  </a:txBody>
                  <a:tcPr marL="0" marR="0" marT="0" marB="0" anchor="b">
                    <a:lnL>
                      <a:noFill/>
                    </a:lnL>
                    <a:lnR>
                      <a:noFill/>
                    </a:lnR>
                    <a:lnT>
                      <a:noFill/>
                    </a:lnT>
                    <a:lnB>
                      <a:noFill/>
                    </a:lnB>
                    <a:solidFill>
                      <a:srgbClr val="33CCCC"/>
                    </a:solidFill>
                  </a:tcPr>
                </a:tc>
                <a:tc>
                  <a:txBody>
                    <a:bodyPr/>
                    <a:lstStyle/>
                    <a:p>
                      <a:pPr algn="ctr" fontAlgn="b"/>
                      <a:endPar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endParaRP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3865758195"/>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a:t>
                      </a:r>
                    </a:p>
                  </a:txBody>
                  <a:tcPr marL="0"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endParaRPr lang="en-US" sz="1600" b="0" i="0" u="none" strike="noStrike" dirty="0">
                        <a:solidFill>
                          <a:srgbClr val="000000"/>
                        </a:solidFill>
                        <a:effectLst/>
                        <a:latin typeface="Arial" panose="020B0604020202020204" pitchFamily="34" charset="0"/>
                        <a:cs typeface="Arial" panose="020B0604020202020204" pitchFamily="34" charset="0"/>
                      </a:endParaRPr>
                    </a:p>
                  </a:txBody>
                  <a:tcPr marL="0" marR="0" marT="0" marB="0" anchor="b">
                    <a:lnL>
                      <a:noFill/>
                    </a:lnL>
                    <a:lnR>
                      <a:noFill/>
                    </a:lnR>
                    <a:lnT>
                      <a:noFill/>
                    </a:lnT>
                    <a:lnB>
                      <a:noFill/>
                    </a:lnB>
                  </a:tcPr>
                </a:tc>
                <a:tc>
                  <a:txBody>
                    <a:bodyPr/>
                    <a:lstStyle/>
                    <a:p>
                      <a:pPr algn="ctr"/>
                      <a:endParaRPr lang="en-US" sz="1600" dirty="0">
                        <a:latin typeface="Arial" panose="020B0604020202020204" pitchFamily="34" charset="0"/>
                        <a:cs typeface="Arial" panose="020B0604020202020204" pitchFamily="34" charset="0"/>
                      </a:endParaRPr>
                    </a:p>
                  </a:txBody>
                  <a:tcPr marL="0" marR="0" marT="0" marB="0" anchor="b">
                    <a:lnL>
                      <a:noFill/>
                    </a:lnL>
                    <a:lnR>
                      <a:noFill/>
                    </a:lnR>
                    <a:lnT>
                      <a:noFill/>
                    </a:lnT>
                    <a:lnB>
                      <a:noFill/>
                    </a:lnB>
                    <a:solidFill>
                      <a:srgbClr val="33CCCC"/>
                    </a:solidFill>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 </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1" i="0" u="none" strike="noStrike" dirty="0">
                          <a:solidFill>
                            <a:srgbClr val="C00000"/>
                          </a:solidFill>
                          <a:effectLst/>
                          <a:latin typeface="Arial" panose="020B0604020202020204" pitchFamily="34" charset="0"/>
                          <a:cs typeface="Arial" panose="020B0604020202020204" pitchFamily="34" charset="0"/>
                        </a:rPr>
                        <a:t> Central Asia</a:t>
                      </a:r>
                    </a:p>
                  </a:txBody>
                  <a:tcPr marL="0"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1" i="0" u="none" strike="noStrike" dirty="0">
                          <a:solidFill>
                            <a:srgbClr val="C00000"/>
                          </a:solidFill>
                          <a:effectLst/>
                          <a:latin typeface="Arial" panose="020B0604020202020204" pitchFamily="34" charset="0"/>
                          <a:cs typeface="Arial" panose="020B0604020202020204" pitchFamily="34" charset="0"/>
                        </a:rPr>
                        <a:t>4.3</a:t>
                      </a:r>
                    </a:p>
                  </a:txBody>
                  <a:tcPr marL="0" marR="0" marT="0" marB="0" anchor="b">
                    <a:lnL>
                      <a:noFill/>
                    </a:lnL>
                    <a:lnR>
                      <a:noFill/>
                    </a:lnR>
                    <a:lnT>
                      <a:noFill/>
                    </a:lnT>
                    <a:lnB>
                      <a:noFill/>
                    </a:lnB>
                  </a:tcPr>
                </a:tc>
                <a:tc>
                  <a:txBody>
                    <a:bodyPr/>
                    <a:lstStyle/>
                    <a:p>
                      <a:pPr marL="0" algn="ctr" defTabSz="914400" rtl="0" eaLnBrk="1" fontAlgn="b" latinLnBrk="0" hangingPunct="1"/>
                      <a:r>
                        <a:rPr lang="en-US" sz="1600" b="1" i="0" u="none" strike="noStrike" kern="1200" dirty="0">
                          <a:solidFill>
                            <a:srgbClr val="C00000"/>
                          </a:solidFill>
                          <a:effectLst/>
                          <a:latin typeface="Arial" panose="020B0604020202020204" pitchFamily="34" charset="0"/>
                          <a:ea typeface="+mn-ea"/>
                          <a:cs typeface="Arial" panose="020B0604020202020204" pitchFamily="34" charset="0"/>
                        </a:rPr>
                        <a:t>4.0</a:t>
                      </a:r>
                    </a:p>
                  </a:txBody>
                  <a:tcPr marL="0" marR="0" marT="0" marB="0" anchor="b">
                    <a:lnL>
                      <a:noFill/>
                    </a:lnL>
                    <a:lnR>
                      <a:noFill/>
                    </a:lnR>
                    <a:lnT>
                      <a:noFill/>
                    </a:lnT>
                    <a:lnB>
                      <a:noFill/>
                    </a:lnB>
                    <a:solidFill>
                      <a:srgbClr val="33CCCC"/>
                    </a:solidFill>
                  </a:tcPr>
                </a:tc>
                <a:tc>
                  <a:txBody>
                    <a:bodyPr/>
                    <a:lstStyle/>
                    <a:p>
                      <a:pPr algn="ctr" fontAlgn="b"/>
                      <a:r>
                        <a:rPr lang="en-US" sz="1600" b="1" i="0" u="none" strike="noStrike" dirty="0">
                          <a:solidFill>
                            <a:srgbClr val="C00000"/>
                          </a:solidFill>
                          <a:effectLst/>
                          <a:latin typeface="Arial" panose="020B0604020202020204" pitchFamily="34" charset="0"/>
                          <a:cs typeface="Arial" panose="020B0604020202020204" pitchFamily="34" charset="0"/>
                        </a:rPr>
                        <a:t>4.2</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2147917104"/>
                  </a:ext>
                </a:extLst>
              </a:tr>
              <a:tr h="243122">
                <a:tc>
                  <a:txBody>
                    <a:bodyPr/>
                    <a:lstStyle/>
                    <a:p>
                      <a:pPr algn="l" fontAlgn="b"/>
                      <a:r>
                        <a:rPr lang="en-US" sz="1600" b="1" i="0" u="none" strike="noStrike" dirty="0">
                          <a:solidFill>
                            <a:srgbClr val="C00000"/>
                          </a:solidFill>
                          <a:effectLst/>
                          <a:latin typeface="Arial" panose="020B0604020202020204" pitchFamily="34" charset="0"/>
                          <a:cs typeface="Arial" panose="020B0604020202020204" pitchFamily="34" charset="0"/>
                        </a:rPr>
                        <a:t> Southeast Asia</a:t>
                      </a:r>
                    </a:p>
                  </a:txBody>
                  <a:tcPr marL="0"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1" i="0" u="none" strike="noStrike" dirty="0">
                          <a:solidFill>
                            <a:srgbClr val="C00000"/>
                          </a:solidFill>
                          <a:effectLst/>
                          <a:latin typeface="Arial" panose="020B0604020202020204" pitchFamily="34" charset="0"/>
                          <a:cs typeface="Arial" panose="020B0604020202020204" pitchFamily="34" charset="0"/>
                        </a:rPr>
                        <a:t>5.2</a:t>
                      </a:r>
                    </a:p>
                  </a:txBody>
                  <a:tcPr marL="0" marR="0" marT="0" marB="0" anchor="b">
                    <a:lnL>
                      <a:noFill/>
                    </a:lnL>
                    <a:lnR>
                      <a:noFill/>
                    </a:lnR>
                    <a:lnT>
                      <a:noFill/>
                    </a:lnT>
                    <a:lnB>
                      <a:noFill/>
                    </a:lnB>
                  </a:tcPr>
                </a:tc>
                <a:tc>
                  <a:txBody>
                    <a:bodyPr/>
                    <a:lstStyle/>
                    <a:p>
                      <a:pPr marL="0" algn="ctr" defTabSz="914400" rtl="0" eaLnBrk="1" fontAlgn="b" latinLnBrk="0" hangingPunct="1"/>
                      <a:r>
                        <a:rPr lang="en-US" sz="1600" b="1" i="0" u="none" strike="noStrike" kern="1200" dirty="0">
                          <a:solidFill>
                            <a:srgbClr val="C00000"/>
                          </a:solidFill>
                          <a:effectLst/>
                          <a:latin typeface="Arial" panose="020B0604020202020204" pitchFamily="34" charset="0"/>
                          <a:ea typeface="+mn-ea"/>
                          <a:cs typeface="Arial" panose="020B0604020202020204" pitchFamily="34" charset="0"/>
                        </a:rPr>
                        <a:t>5.2</a:t>
                      </a:r>
                    </a:p>
                  </a:txBody>
                  <a:tcPr marL="0" marR="0" marT="0" marB="0" anchor="b">
                    <a:lnL>
                      <a:noFill/>
                    </a:lnL>
                    <a:lnR>
                      <a:noFill/>
                    </a:lnR>
                    <a:lnT>
                      <a:noFill/>
                    </a:lnT>
                    <a:lnB>
                      <a:noFill/>
                    </a:lnB>
                    <a:solidFill>
                      <a:srgbClr val="33CCCC"/>
                    </a:solidFill>
                  </a:tcPr>
                </a:tc>
                <a:tc>
                  <a:txBody>
                    <a:bodyPr/>
                    <a:lstStyle/>
                    <a:p>
                      <a:pPr algn="ctr" fontAlgn="b"/>
                      <a:r>
                        <a:rPr lang="en-US" sz="1600" b="1" i="0" u="none" strike="noStrike" dirty="0">
                          <a:solidFill>
                            <a:srgbClr val="C00000"/>
                          </a:solidFill>
                          <a:effectLst/>
                          <a:latin typeface="Arial" panose="020B0604020202020204" pitchFamily="34" charset="0"/>
                          <a:cs typeface="Arial" panose="020B0604020202020204" pitchFamily="34" charset="0"/>
                        </a:rPr>
                        <a:t>5.2</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Azerbaijan</a:t>
                      </a:r>
                    </a:p>
                  </a:txBody>
                  <a:tcPr marL="85725" marR="0" marT="0" marB="0" anchor="b">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0.1</a:t>
                      </a:r>
                    </a:p>
                  </a:txBody>
                  <a:tcPr marL="0" marR="0" marT="0" marB="0" anchor="b">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1.7</a:t>
                      </a:r>
                    </a:p>
                  </a:txBody>
                  <a:tcPr marL="0" marR="0" marT="0" marB="0" anchor="b">
                    <a:lnL>
                      <a:noFill/>
                    </a:lnL>
                    <a:lnR>
                      <a:noFill/>
                    </a:lnR>
                    <a:lnT>
                      <a:noFill/>
                    </a:lnT>
                    <a:lnB>
                      <a:noFill/>
                    </a:lnB>
                    <a:solidFill>
                      <a:srgbClr val="33CCCC"/>
                    </a:solidFill>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2.0</a:t>
                      </a:r>
                    </a:p>
                  </a:txBody>
                  <a:tcPr marL="0" marR="0" marT="0" marB="0" anchor="b">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3736195177"/>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Indonesia</a:t>
                      </a: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5.1</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5.3</a:t>
                      </a:r>
                    </a:p>
                  </a:txBody>
                  <a:tcPr marL="0" marR="0" marT="0" marB="0" anchor="ctr">
                    <a:lnL>
                      <a:noFill/>
                    </a:lnL>
                    <a:lnR>
                      <a:noFill/>
                    </a:lnR>
                    <a:lnT>
                      <a:noFill/>
                    </a:lnT>
                    <a:lnB>
                      <a:noFill/>
                    </a:lnB>
                    <a:solidFill>
                      <a:srgbClr val="33CCCC"/>
                    </a:solidFill>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5.3</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Kazakhstan</a:t>
                      </a: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4.0</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3.2</a:t>
                      </a:r>
                    </a:p>
                  </a:txBody>
                  <a:tcPr marL="0" marR="0" marT="0" marB="0" anchor="ctr">
                    <a:lnL>
                      <a:noFill/>
                    </a:lnL>
                    <a:lnR>
                      <a:noFill/>
                    </a:lnR>
                    <a:lnT>
                      <a:noFill/>
                    </a:lnT>
                    <a:lnB>
                      <a:noFill/>
                    </a:lnB>
                    <a:solidFill>
                      <a:srgbClr val="33CCCC"/>
                    </a:solidFill>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3.5</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143963851"/>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Malaysia</a:t>
                      </a: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5.9</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5.3</a:t>
                      </a:r>
                    </a:p>
                  </a:txBody>
                  <a:tcPr marL="0" marR="0" marT="0" marB="0" anchor="ctr">
                    <a:lnL>
                      <a:noFill/>
                    </a:lnL>
                    <a:lnR>
                      <a:noFill/>
                    </a:lnR>
                    <a:lnT>
                      <a:noFill/>
                    </a:lnT>
                    <a:lnB>
                      <a:noFill/>
                    </a:lnB>
                    <a:solidFill>
                      <a:srgbClr val="33CCCC"/>
                    </a:solidFill>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5.0</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endParaRPr lang="en-US" sz="1600" b="0" i="0" u="none" strike="noStrike" dirty="0">
                        <a:solidFill>
                          <a:srgbClr val="000000"/>
                        </a:solidFill>
                        <a:effectLst/>
                        <a:latin typeface="Arial" panose="020B0604020202020204" pitchFamily="34" charset="0"/>
                        <a:cs typeface="Arial" panose="020B0604020202020204" pitchFamily="34" charset="0"/>
                      </a:endParaRPr>
                    </a:p>
                  </a:txBody>
                  <a:tcPr marL="0"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endParaRPr lang="en-US" sz="1600" b="0" i="0" u="none" strike="noStrike" dirty="0">
                        <a:solidFill>
                          <a:srgbClr val="000000"/>
                        </a:solidFill>
                        <a:effectLst/>
                        <a:latin typeface="Arial" panose="020B0604020202020204" pitchFamily="34" charset="0"/>
                        <a:cs typeface="Arial" panose="020B0604020202020204" pitchFamily="34" charset="0"/>
                      </a:endParaRPr>
                    </a:p>
                  </a:txBody>
                  <a:tcPr marL="0" marR="0" marT="0" marB="0" anchor="ctr">
                    <a:lnL>
                      <a:noFill/>
                    </a:lnL>
                    <a:lnR>
                      <a:noFill/>
                    </a:lnR>
                    <a:lnT>
                      <a:noFill/>
                    </a:lnT>
                    <a:lnB>
                      <a:noFill/>
                    </a:lnB>
                  </a:tcPr>
                </a:tc>
                <a:tc>
                  <a:txBody>
                    <a:bodyPr/>
                    <a:lstStyle/>
                    <a:p>
                      <a:pPr marL="0" algn="ctr" defTabSz="914400" rtl="0" eaLnBrk="1" fontAlgn="b" latinLnBrk="0" hangingPunct="1"/>
                      <a:endParaRPr lang="en-US" sz="1600" b="1" i="0" u="none" strike="noStrike" kern="1200" dirty="0">
                        <a:solidFill>
                          <a:srgbClr val="963634"/>
                        </a:solidFill>
                        <a:effectLst/>
                        <a:latin typeface="Arial" panose="020B0604020202020204" pitchFamily="34" charset="0"/>
                        <a:ea typeface="+mn-ea"/>
                        <a:cs typeface="Arial" panose="020B0604020202020204" pitchFamily="34" charset="0"/>
                      </a:endParaRPr>
                    </a:p>
                  </a:txBody>
                  <a:tcPr marL="0" marR="0" marT="0" marB="0" anchor="ctr">
                    <a:lnL>
                      <a:noFill/>
                    </a:lnL>
                    <a:lnR>
                      <a:noFill/>
                    </a:lnR>
                    <a:lnT>
                      <a:noFill/>
                    </a:lnT>
                    <a:lnB>
                      <a:noFill/>
                    </a:lnB>
                    <a:solidFill>
                      <a:srgbClr val="33CCCC"/>
                    </a:solidFill>
                  </a:tcPr>
                </a:tc>
                <a:tc>
                  <a:txBody>
                    <a:bodyPr/>
                    <a:lstStyle/>
                    <a:p>
                      <a:pPr algn="ctr" fontAlgn="b"/>
                      <a:endParaRPr lang="en-US" sz="1600" b="0" i="0" u="none" strike="noStrike" dirty="0">
                        <a:solidFill>
                          <a:srgbClr val="000000"/>
                        </a:solidFill>
                        <a:effectLst/>
                        <a:latin typeface="Arial" panose="020B0604020202020204" pitchFamily="34" charset="0"/>
                        <a:cs typeface="Arial" panose="020B0604020202020204" pitchFamily="34" charset="0"/>
                      </a:endParaRP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1348855503"/>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Philippines</a:t>
                      </a: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6.7</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6.8</a:t>
                      </a:r>
                    </a:p>
                  </a:txBody>
                  <a:tcPr marL="0" marR="0" marT="0" marB="0" anchor="ctr">
                    <a:lnL>
                      <a:noFill/>
                    </a:lnL>
                    <a:lnR>
                      <a:noFill/>
                    </a:lnR>
                    <a:lnT>
                      <a:noFill/>
                    </a:lnT>
                    <a:lnB>
                      <a:noFill/>
                    </a:lnB>
                    <a:solidFill>
                      <a:srgbClr val="33CCCC"/>
                    </a:solidFill>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6.9</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1" i="0" u="none" strike="noStrike" dirty="0">
                          <a:solidFill>
                            <a:srgbClr val="C00000"/>
                          </a:solidFill>
                          <a:effectLst/>
                          <a:latin typeface="Arial" panose="020B0604020202020204" pitchFamily="34" charset="0"/>
                          <a:cs typeface="Arial" panose="020B0604020202020204" pitchFamily="34" charset="0"/>
                        </a:rPr>
                        <a:t> The Pacific</a:t>
                      </a:r>
                    </a:p>
                  </a:txBody>
                  <a:tcPr marL="0"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1" i="0" u="none" strike="noStrike" dirty="0">
                          <a:solidFill>
                            <a:srgbClr val="C00000"/>
                          </a:solidFill>
                          <a:effectLst/>
                          <a:latin typeface="Arial" panose="020B0604020202020204" pitchFamily="34" charset="0"/>
                          <a:cs typeface="Arial" panose="020B0604020202020204" pitchFamily="34" charset="0"/>
                        </a:rPr>
                        <a:t>2.2</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1" i="0" u="none" strike="noStrike" kern="1200" dirty="0">
                          <a:solidFill>
                            <a:srgbClr val="C00000"/>
                          </a:solidFill>
                          <a:effectLst/>
                          <a:latin typeface="Arial" panose="020B0604020202020204" pitchFamily="34" charset="0"/>
                          <a:ea typeface="+mn-ea"/>
                          <a:cs typeface="Arial" panose="020B0604020202020204" pitchFamily="34" charset="0"/>
                        </a:rPr>
                        <a:t>2.2</a:t>
                      </a:r>
                    </a:p>
                  </a:txBody>
                  <a:tcPr marL="0" marR="0" marT="0" marB="0" anchor="ctr">
                    <a:lnL>
                      <a:noFill/>
                    </a:lnL>
                    <a:lnR>
                      <a:noFill/>
                    </a:lnR>
                    <a:lnT>
                      <a:noFill/>
                    </a:lnT>
                    <a:lnB>
                      <a:noFill/>
                    </a:lnB>
                    <a:solidFill>
                      <a:srgbClr val="33CCCC"/>
                    </a:solidFill>
                  </a:tcPr>
                </a:tc>
                <a:tc>
                  <a:txBody>
                    <a:bodyPr/>
                    <a:lstStyle/>
                    <a:p>
                      <a:pPr algn="ctr" fontAlgn="b"/>
                      <a:r>
                        <a:rPr lang="en-US" sz="1600" b="1" i="0" u="none" strike="noStrike" dirty="0">
                          <a:solidFill>
                            <a:srgbClr val="C00000"/>
                          </a:solidFill>
                          <a:effectLst/>
                          <a:latin typeface="Arial" panose="020B0604020202020204" pitchFamily="34" charset="0"/>
                          <a:cs typeface="Arial" panose="020B0604020202020204" pitchFamily="34" charset="0"/>
                        </a:rPr>
                        <a:t>3.0</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3329998586"/>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Singapore</a:t>
                      </a: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3.6</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3.1</a:t>
                      </a:r>
                    </a:p>
                  </a:txBody>
                  <a:tcPr marL="0" marR="0" marT="0" marB="0" anchor="ctr">
                    <a:lnL>
                      <a:noFill/>
                    </a:lnL>
                    <a:lnR>
                      <a:noFill/>
                    </a:lnR>
                    <a:lnT>
                      <a:noFill/>
                    </a:lnT>
                    <a:lnB>
                      <a:noFill/>
                    </a:lnB>
                    <a:solidFill>
                      <a:srgbClr val="33CCCC"/>
                    </a:solidFill>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2.9</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Fiji</a:t>
                      </a: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3.9</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3.6</a:t>
                      </a:r>
                    </a:p>
                  </a:txBody>
                  <a:tcPr marL="0" marR="0" marT="0" marB="0" anchor="ctr">
                    <a:lnL>
                      <a:noFill/>
                    </a:lnL>
                    <a:lnR>
                      <a:noFill/>
                    </a:lnR>
                    <a:lnT>
                      <a:noFill/>
                    </a:lnT>
                    <a:lnB>
                      <a:noFill/>
                    </a:lnB>
                    <a:solidFill>
                      <a:srgbClr val="33CCCC"/>
                    </a:solidFill>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3.3</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86666834"/>
                  </a:ext>
                </a:extLst>
              </a:tr>
              <a:tr h="304800">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Thailand</a:t>
                      </a: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3.9</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4.0</a:t>
                      </a:r>
                    </a:p>
                  </a:txBody>
                  <a:tcPr marL="0" marR="0" marT="0" marB="0" anchor="ctr">
                    <a:lnL>
                      <a:noFill/>
                    </a:lnL>
                    <a:lnR>
                      <a:noFill/>
                    </a:lnR>
                    <a:lnT>
                      <a:noFill/>
                    </a:lnT>
                    <a:lnB>
                      <a:noFill/>
                    </a:lnB>
                    <a:solidFill>
                      <a:srgbClr val="33CCCC"/>
                    </a:solidFill>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4.1</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Papua New Guinea</a:t>
                      </a: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2.2</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1.8</a:t>
                      </a:r>
                    </a:p>
                  </a:txBody>
                  <a:tcPr marL="0" marR="0" marT="0" marB="0" anchor="ctr">
                    <a:lnL>
                      <a:noFill/>
                    </a:lnL>
                    <a:lnR>
                      <a:noFill/>
                    </a:lnR>
                    <a:lnT>
                      <a:noFill/>
                    </a:lnT>
                    <a:lnB>
                      <a:noFill/>
                    </a:lnB>
                    <a:solidFill>
                      <a:srgbClr val="33CCCC"/>
                    </a:solidFill>
                  </a:tcPr>
                </a:tc>
                <a:tc>
                  <a:txBody>
                    <a:bodyPr/>
                    <a:lstStyle/>
                    <a:p>
                      <a:pPr algn="ctr" fontAlgn="b"/>
                      <a:r>
                        <a:rPr lang="en-US" sz="1600" b="0" i="0" u="none" strike="noStrike" dirty="0">
                          <a:solidFill>
                            <a:schemeClr val="tx1">
                              <a:lumMod val="75000"/>
                              <a:lumOff val="25000"/>
                            </a:schemeClr>
                          </a:solidFill>
                          <a:effectLst/>
                          <a:latin typeface="Arial" panose="020B0604020202020204" pitchFamily="34" charset="0"/>
                          <a:cs typeface="Arial" panose="020B0604020202020204" pitchFamily="34" charset="0"/>
                        </a:rPr>
                        <a:t>2.7</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3286363751"/>
                  </a:ext>
                </a:extLst>
              </a:tr>
              <a:tr h="243122">
                <a:tc>
                  <a:txBody>
                    <a:bodyPr/>
                    <a:lstStyle/>
                    <a:p>
                      <a:pPr algn="l" fontAlgn="b"/>
                      <a:r>
                        <a:rPr lang="en-US" sz="1600" b="0" i="0" u="none" strike="noStrike" dirty="0">
                          <a:solidFill>
                            <a:srgbClr val="000000"/>
                          </a:solidFill>
                          <a:effectLst/>
                          <a:latin typeface="Arial" panose="020B0604020202020204" pitchFamily="34" charset="0"/>
                          <a:cs typeface="Arial" panose="020B0604020202020204" pitchFamily="34" charset="0"/>
                        </a:rPr>
                        <a:t> Viet Nam</a:t>
                      </a: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6.8</a:t>
                      </a:r>
                    </a:p>
                  </a:txBody>
                  <a:tcPr marL="0" marR="0" marT="0" marB="0" anchor="ctr">
                    <a:lnL>
                      <a:noFill/>
                    </a:lnL>
                    <a:lnR>
                      <a:noFill/>
                    </a:lnR>
                    <a:lnT>
                      <a:noFill/>
                    </a:lnT>
                    <a:lnB>
                      <a:noFill/>
                    </a:lnB>
                  </a:tcPr>
                </a:tc>
                <a:tc>
                  <a:txBody>
                    <a:bodyPr/>
                    <a:lstStyle/>
                    <a:p>
                      <a:pPr marL="0" algn="ctr" defTabSz="914400" rtl="0" eaLnBrk="1" fontAlgn="b" latinLnBrk="0" hangingPunct="1"/>
                      <a:r>
                        <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rPr>
                        <a:t>7.1</a:t>
                      </a:r>
                    </a:p>
                  </a:txBody>
                  <a:tcPr marL="0" marR="0" marT="0" marB="0" anchor="ctr">
                    <a:lnL>
                      <a:noFill/>
                    </a:lnL>
                    <a:lnR>
                      <a:noFill/>
                    </a:lnR>
                    <a:lnT>
                      <a:noFill/>
                    </a:lnT>
                    <a:lnB>
                      <a:noFill/>
                    </a:lnB>
                    <a:solidFill>
                      <a:srgbClr val="33CCCC"/>
                    </a:solidFill>
                  </a:tcPr>
                </a:tc>
                <a:tc>
                  <a:txBody>
                    <a:bodyPr/>
                    <a:lstStyle/>
                    <a:p>
                      <a:pPr algn="ctr" fontAlgn="b"/>
                      <a:r>
                        <a:rPr lang="en-US" sz="1600" b="0" i="0" u="none" strike="noStrike" dirty="0">
                          <a:solidFill>
                            <a:srgbClr val="000000"/>
                          </a:solidFill>
                          <a:effectLst/>
                          <a:latin typeface="Arial" panose="020B0604020202020204" pitchFamily="34" charset="0"/>
                          <a:cs typeface="Arial" panose="020B0604020202020204" pitchFamily="34" charset="0"/>
                        </a:rPr>
                        <a:t>6.8</a:t>
                      </a: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a:endParaRPr lang="en-US" sz="1600" dirty="0">
                        <a:latin typeface="Arial" panose="020B0604020202020204" pitchFamily="34" charset="0"/>
                        <a:cs typeface="Arial" panose="020B0604020202020204" pitchFamily="34" charset="0"/>
                      </a:endParaRPr>
                    </a:p>
                  </a:txBody>
                  <a:tcPr marL="0"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a:endParaRPr lang="en-US" sz="1600" dirty="0">
                        <a:latin typeface="Arial" panose="020B0604020202020204" pitchFamily="34" charset="0"/>
                        <a:cs typeface="Arial" panose="020B0604020202020204" pitchFamily="34" charset="0"/>
                      </a:endParaRPr>
                    </a:p>
                  </a:txBody>
                  <a:tcPr marL="0" marR="0" marT="0" marB="0" anchor="ctr">
                    <a:lnL>
                      <a:noFill/>
                    </a:lnL>
                    <a:lnR>
                      <a:noFill/>
                    </a:lnR>
                    <a:lnT>
                      <a:noFill/>
                    </a:lnT>
                    <a:lnB>
                      <a:noFill/>
                    </a:lnB>
                  </a:tcPr>
                </a:tc>
                <a:tc>
                  <a:txBody>
                    <a:bodyPr/>
                    <a:lstStyle/>
                    <a:p>
                      <a:pPr marL="0" algn="ctr" defTabSz="914400" rtl="0" eaLnBrk="1" fontAlgn="b" latinLnBrk="0" hangingPunct="1"/>
                      <a:endParaRPr lang="en-US" sz="1600" b="1" i="0" u="none" strike="noStrike" kern="1200" dirty="0">
                        <a:solidFill>
                          <a:srgbClr val="963634"/>
                        </a:solidFill>
                        <a:effectLst/>
                        <a:latin typeface="Arial" panose="020B0604020202020204" pitchFamily="34" charset="0"/>
                        <a:ea typeface="+mn-ea"/>
                        <a:cs typeface="Arial" panose="020B0604020202020204" pitchFamily="34" charset="0"/>
                      </a:endParaRPr>
                    </a:p>
                  </a:txBody>
                  <a:tcPr marL="0" marR="0" marT="0" marB="0" anchor="ctr">
                    <a:lnL>
                      <a:noFill/>
                    </a:lnL>
                    <a:lnR>
                      <a:noFill/>
                    </a:lnR>
                    <a:lnT>
                      <a:noFill/>
                    </a:lnT>
                    <a:lnB>
                      <a:noFill/>
                    </a:lnB>
                    <a:solidFill>
                      <a:srgbClr val="33CCCC"/>
                    </a:solidFill>
                  </a:tcPr>
                </a:tc>
                <a:tc>
                  <a:txBody>
                    <a:bodyPr/>
                    <a:lstStyle/>
                    <a:p>
                      <a:pPr algn="ctr"/>
                      <a:endParaRPr lang="en-US" sz="1600" dirty="0">
                        <a:latin typeface="Arial" panose="020B0604020202020204" pitchFamily="34" charset="0"/>
                        <a:cs typeface="Arial" panose="020B0604020202020204" pitchFamily="34" charset="0"/>
                      </a:endParaRP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3204019694"/>
                  </a:ext>
                </a:extLst>
              </a:tr>
              <a:tr h="243122">
                <a:tc>
                  <a:txBody>
                    <a:bodyPr/>
                    <a:lstStyle/>
                    <a:p>
                      <a:pPr algn="l" fontAlgn="b"/>
                      <a:endParaRPr lang="en-US" sz="1600" b="0" i="0" u="none" strike="noStrike" dirty="0">
                        <a:solidFill>
                          <a:srgbClr val="000000"/>
                        </a:solidFill>
                        <a:effectLst/>
                        <a:latin typeface="Arial" panose="020B0604020202020204" pitchFamily="34" charset="0"/>
                        <a:cs typeface="Arial" panose="020B0604020202020204" pitchFamily="34" charset="0"/>
                      </a:endParaRPr>
                    </a:p>
                  </a:txBody>
                  <a:tcPr marL="85725"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fontAlgn="b"/>
                      <a:endParaRPr lang="en-US" sz="1600" b="0" i="0" u="none" strike="noStrike" dirty="0">
                        <a:solidFill>
                          <a:srgbClr val="000000"/>
                        </a:solidFill>
                        <a:effectLst/>
                        <a:latin typeface="Arial" panose="020B0604020202020204" pitchFamily="34" charset="0"/>
                        <a:cs typeface="Arial" panose="020B0604020202020204" pitchFamily="34" charset="0"/>
                      </a:endParaRPr>
                    </a:p>
                  </a:txBody>
                  <a:tcPr marL="0" marR="0" marT="0" marB="0" anchor="ctr">
                    <a:lnL>
                      <a:noFill/>
                    </a:lnL>
                    <a:lnR>
                      <a:noFill/>
                    </a:lnR>
                    <a:lnT>
                      <a:noFill/>
                    </a:lnT>
                    <a:lnB>
                      <a:noFill/>
                    </a:lnB>
                  </a:tcPr>
                </a:tc>
                <a:tc>
                  <a:txBody>
                    <a:bodyPr/>
                    <a:lstStyle/>
                    <a:p>
                      <a:pPr marL="0" algn="ctr" defTabSz="914400" rtl="0" eaLnBrk="1" fontAlgn="b" latinLnBrk="0" hangingPunct="1"/>
                      <a:endParaRPr lang="en-US" sz="1600" b="0" i="0" u="none" strike="noStrike" kern="1200" dirty="0">
                        <a:solidFill>
                          <a:schemeClr val="tx1">
                            <a:lumMod val="75000"/>
                            <a:lumOff val="25000"/>
                          </a:schemeClr>
                        </a:solidFill>
                        <a:effectLst/>
                        <a:latin typeface="Arial" panose="020B0604020202020204" pitchFamily="34" charset="0"/>
                        <a:ea typeface="+mn-ea"/>
                        <a:cs typeface="Arial" panose="020B0604020202020204" pitchFamily="34" charset="0"/>
                      </a:endParaRPr>
                    </a:p>
                  </a:txBody>
                  <a:tcPr marL="0" marR="0" marT="0" marB="0" anchor="ctr">
                    <a:lnL>
                      <a:noFill/>
                    </a:lnL>
                    <a:lnR>
                      <a:noFill/>
                    </a:lnR>
                    <a:lnT>
                      <a:noFill/>
                    </a:lnT>
                    <a:lnB>
                      <a:noFill/>
                    </a:lnB>
                    <a:solidFill>
                      <a:srgbClr val="33CCCC"/>
                    </a:solidFill>
                  </a:tcPr>
                </a:tc>
                <a:tc>
                  <a:txBody>
                    <a:bodyPr/>
                    <a:lstStyle/>
                    <a:p>
                      <a:pPr algn="ctr" fontAlgn="b"/>
                      <a:endParaRPr lang="en-US" sz="1600" b="0" i="0" u="none" strike="noStrike" dirty="0">
                        <a:solidFill>
                          <a:srgbClr val="000000"/>
                        </a:solidFill>
                        <a:effectLst/>
                        <a:latin typeface="Arial" panose="020B0604020202020204" pitchFamily="34" charset="0"/>
                        <a:cs typeface="Arial" panose="020B0604020202020204" pitchFamily="34" charset="0"/>
                      </a:endParaRP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tc>
                  <a:txBody>
                    <a:bodyPr/>
                    <a:lstStyle/>
                    <a:p>
                      <a:pPr algn="l"/>
                      <a:endParaRPr lang="en-US" sz="1600" dirty="0">
                        <a:latin typeface="Arial" panose="020B0604020202020204" pitchFamily="34" charset="0"/>
                        <a:cs typeface="Arial" panose="020B0604020202020204" pitchFamily="34" charset="0"/>
                      </a:endParaRPr>
                    </a:p>
                  </a:txBody>
                  <a:tcPr marL="0" marR="0" marT="0" marB="0" anchor="ctr">
                    <a:lnL w="12700" cap="flat" cmpd="sng" algn="ctr">
                      <a:solidFill>
                        <a:srgbClr val="DA9694"/>
                      </a:solidFill>
                      <a:prstDash val="solid"/>
                      <a:round/>
                      <a:headEnd type="none" w="med" len="med"/>
                      <a:tailEnd type="none" w="med" len="med"/>
                    </a:lnL>
                    <a:lnR>
                      <a:noFill/>
                    </a:lnR>
                    <a:lnT>
                      <a:noFill/>
                    </a:lnT>
                    <a:lnB>
                      <a:noFill/>
                    </a:lnB>
                  </a:tcPr>
                </a:tc>
                <a:tc>
                  <a:txBody>
                    <a:bodyPr/>
                    <a:lstStyle/>
                    <a:p>
                      <a:pPr algn="ctr"/>
                      <a:endParaRPr lang="en-US" sz="1600" dirty="0">
                        <a:latin typeface="Arial" panose="020B0604020202020204" pitchFamily="34" charset="0"/>
                        <a:cs typeface="Arial" panose="020B0604020202020204" pitchFamily="34" charset="0"/>
                      </a:endParaRPr>
                    </a:p>
                  </a:txBody>
                  <a:tcPr marL="0" marR="0" marT="0" marB="0" anchor="ctr">
                    <a:lnL>
                      <a:noFill/>
                    </a:lnL>
                    <a:lnR>
                      <a:noFill/>
                    </a:lnR>
                    <a:lnT>
                      <a:noFill/>
                    </a:lnT>
                    <a:lnB>
                      <a:noFill/>
                    </a:lnB>
                  </a:tcPr>
                </a:tc>
                <a:tc>
                  <a:txBody>
                    <a:bodyPr/>
                    <a:lstStyle/>
                    <a:p>
                      <a:pPr marL="0" algn="ctr" defTabSz="914400" rtl="0" eaLnBrk="1" fontAlgn="b" latinLnBrk="0" hangingPunct="1"/>
                      <a:endParaRPr lang="en-US" sz="1600" b="1" i="0" u="none" strike="noStrike" kern="1200" dirty="0">
                        <a:solidFill>
                          <a:srgbClr val="963634"/>
                        </a:solidFill>
                        <a:effectLst/>
                        <a:latin typeface="Arial" panose="020B0604020202020204" pitchFamily="34" charset="0"/>
                        <a:ea typeface="+mn-ea"/>
                        <a:cs typeface="Arial" panose="020B0604020202020204" pitchFamily="34" charset="0"/>
                      </a:endParaRPr>
                    </a:p>
                  </a:txBody>
                  <a:tcPr marL="0" marR="0" marT="0" marB="0" anchor="ctr">
                    <a:lnL>
                      <a:noFill/>
                    </a:lnL>
                    <a:lnR>
                      <a:noFill/>
                    </a:lnR>
                    <a:lnT>
                      <a:noFill/>
                    </a:lnT>
                    <a:lnB>
                      <a:noFill/>
                    </a:lnB>
                    <a:solidFill>
                      <a:srgbClr val="33CCCC"/>
                    </a:solidFill>
                  </a:tcPr>
                </a:tc>
                <a:tc>
                  <a:txBody>
                    <a:bodyPr/>
                    <a:lstStyle/>
                    <a:p>
                      <a:pPr algn="ctr"/>
                      <a:endParaRPr lang="en-US" sz="1600" dirty="0">
                        <a:latin typeface="Arial" panose="020B0604020202020204" pitchFamily="34" charset="0"/>
                        <a:cs typeface="Arial" panose="020B0604020202020204" pitchFamily="34" charset="0"/>
                      </a:endParaRPr>
                    </a:p>
                  </a:txBody>
                  <a:tcPr marL="0" marR="0" marT="0" marB="0" anchor="ctr">
                    <a:lnL>
                      <a:noFill/>
                    </a:lnL>
                    <a:lnR w="12700" cap="flat" cmpd="sng" algn="ctr">
                      <a:solidFill>
                        <a:srgbClr val="DA9694"/>
                      </a:solidFill>
                      <a:prstDash val="solid"/>
                      <a:round/>
                      <a:headEnd type="none" w="med" len="med"/>
                      <a:tailEnd type="none" w="med" len="med"/>
                    </a:lnR>
                    <a:lnT>
                      <a:noFill/>
                    </a:lnT>
                    <a:lnB>
                      <a:noFill/>
                    </a:lnB>
                    <a:solidFill>
                      <a:srgbClr val="33CCCC"/>
                    </a:solidFill>
                  </a:tcPr>
                </a:tc>
                <a:extLst>
                  <a:ext uri="{0D108BD9-81ED-4DB2-BD59-A6C34878D82A}">
                    <a16:rowId xmlns:a16="http://schemas.microsoft.com/office/drawing/2014/main" val="2411715795"/>
                  </a:ext>
                </a:extLst>
              </a:tr>
              <a:tr h="330877">
                <a:tc>
                  <a:txBody>
                    <a:bodyPr/>
                    <a:lstStyle/>
                    <a:p>
                      <a:pPr lvl="0" algn="l" fontAlgn="ctr"/>
                      <a:r>
                        <a:rPr lang="en-US" sz="1800" b="1" i="0" u="none" strike="noStrike" dirty="0">
                          <a:solidFill>
                            <a:schemeClr val="accent1">
                              <a:lumMod val="50000"/>
                            </a:schemeClr>
                          </a:solidFill>
                          <a:effectLst/>
                          <a:latin typeface="Arial" panose="020B0604020202020204" pitchFamily="34" charset="0"/>
                          <a:cs typeface="Arial" panose="020B0604020202020204" pitchFamily="34" charset="0"/>
                        </a:rPr>
                        <a:t>  Developing Asia</a:t>
                      </a:r>
                    </a:p>
                  </a:txBody>
                  <a:tcPr marL="0" marR="0" marT="0" marB="0">
                    <a:lnL w="12700" cap="flat" cmpd="sng" algn="ctr">
                      <a:solidFill>
                        <a:srgbClr val="DA9694"/>
                      </a:solidFill>
                      <a:prstDash val="solid"/>
                      <a:round/>
                      <a:headEnd type="none" w="med" len="med"/>
                      <a:tailEnd type="none" w="med" len="med"/>
                    </a:lnL>
                    <a:lnR>
                      <a:noFill/>
                    </a:lnR>
                    <a:lnT>
                      <a:noFill/>
                    </a:lnT>
                    <a:lnB w="12700" cap="flat" cmpd="sng" algn="ctr">
                      <a:solidFill>
                        <a:schemeClr val="tx1"/>
                      </a:solidFill>
                      <a:prstDash val="solid"/>
                      <a:round/>
                      <a:headEnd type="none" w="med" len="med"/>
                      <a:tailEnd type="none" w="med" len="med"/>
                    </a:lnB>
                  </a:tcPr>
                </a:tc>
                <a:tc>
                  <a:txBody>
                    <a:bodyPr/>
                    <a:lstStyle/>
                    <a:p>
                      <a:pPr algn="ctr" fontAlgn="ctr"/>
                      <a:r>
                        <a:rPr lang="en-US" sz="1800" b="1" i="0" u="none" strike="noStrike" dirty="0">
                          <a:solidFill>
                            <a:schemeClr val="accent1">
                              <a:lumMod val="50000"/>
                            </a:schemeClr>
                          </a:solidFill>
                          <a:effectLst/>
                          <a:latin typeface="Arial" panose="020B0604020202020204" pitchFamily="34" charset="0"/>
                          <a:cs typeface="Arial" panose="020B0604020202020204" pitchFamily="34" charset="0"/>
                        </a:rPr>
                        <a:t>6.1</a:t>
                      </a:r>
                    </a:p>
                  </a:txBody>
                  <a:tcPr marL="0" marR="0" marT="0" marB="0">
                    <a:lnL>
                      <a:noFill/>
                    </a:lnL>
                    <a:lnR>
                      <a:noFill/>
                    </a:lnR>
                    <a:lnT>
                      <a:noFill/>
                    </a:lnT>
                    <a:lnB w="12700" cap="flat" cmpd="sng" algn="ctr">
                      <a:solidFill>
                        <a:schemeClr val="tx1"/>
                      </a:solidFill>
                      <a:prstDash val="solid"/>
                      <a:round/>
                      <a:headEnd type="none" w="med" len="med"/>
                      <a:tailEnd type="none" w="med" len="med"/>
                    </a:lnB>
                  </a:tcPr>
                </a:tc>
                <a:tc>
                  <a:txBody>
                    <a:bodyPr/>
                    <a:lstStyle/>
                    <a:p>
                      <a:pPr algn="ctr"/>
                      <a:r>
                        <a:rPr lang="en-US" sz="1800" b="1" i="0" u="none" strike="noStrike" dirty="0">
                          <a:solidFill>
                            <a:schemeClr val="accent1">
                              <a:lumMod val="50000"/>
                            </a:schemeClr>
                          </a:solidFill>
                          <a:effectLst/>
                          <a:latin typeface="Arial" panose="020B0604020202020204" pitchFamily="34" charset="0"/>
                          <a:cs typeface="Arial" panose="020B0604020202020204" pitchFamily="34" charset="0"/>
                        </a:rPr>
                        <a:t>6.0</a:t>
                      </a:r>
                      <a:endParaRPr lang="en-US" sz="1800" dirty="0">
                        <a:solidFill>
                          <a:schemeClr val="accent1">
                            <a:lumMod val="50000"/>
                          </a:schemeClr>
                        </a:solidFill>
                        <a:latin typeface="Arial" panose="020B0604020202020204" pitchFamily="34" charset="0"/>
                        <a:cs typeface="Arial" panose="020B0604020202020204" pitchFamily="34" charset="0"/>
                      </a:endParaRPr>
                    </a:p>
                  </a:txBody>
                  <a:tcPr marL="0" marR="0" marT="0" marB="0">
                    <a:lnL>
                      <a:noFill/>
                    </a:lnL>
                    <a:lnR>
                      <a:noFill/>
                    </a:lnR>
                    <a:lnT>
                      <a:noFill/>
                    </a:lnT>
                    <a:lnB w="12700" cap="flat" cmpd="sng" algn="ctr">
                      <a:solidFill>
                        <a:schemeClr val="tx1"/>
                      </a:solidFill>
                      <a:prstDash val="solid"/>
                      <a:round/>
                      <a:headEnd type="none" w="med" len="med"/>
                      <a:tailEnd type="none" w="med" len="med"/>
                    </a:lnB>
                    <a:solidFill>
                      <a:srgbClr val="33CCCC"/>
                    </a:solidFill>
                  </a:tcPr>
                </a:tc>
                <a:tc>
                  <a:txBody>
                    <a:bodyPr/>
                    <a:lstStyle/>
                    <a:p>
                      <a:pPr algn="ctr" fontAlgn="ctr"/>
                      <a:r>
                        <a:rPr lang="en-US" sz="1800" b="1" i="0" u="none" strike="noStrike" dirty="0">
                          <a:solidFill>
                            <a:schemeClr val="accent1">
                              <a:lumMod val="50000"/>
                            </a:schemeClr>
                          </a:solidFill>
                          <a:effectLst/>
                          <a:latin typeface="Arial" panose="020B0604020202020204" pitchFamily="34" charset="0"/>
                          <a:cs typeface="Arial" panose="020B0604020202020204" pitchFamily="34" charset="0"/>
                        </a:rPr>
                        <a:t>5.9</a:t>
                      </a:r>
                    </a:p>
                  </a:txBody>
                  <a:tcPr marL="0" marR="0" marT="0" marB="0">
                    <a:lnL>
                      <a:noFill/>
                    </a:lnL>
                    <a:lnR w="12700" cap="flat" cmpd="sng" algn="ctr">
                      <a:solidFill>
                        <a:srgbClr val="DA9694"/>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solidFill>
                      <a:srgbClr val="33CCCC"/>
                    </a:solidFill>
                  </a:tcPr>
                </a:tc>
                <a:tc>
                  <a:txBody>
                    <a:bodyPr/>
                    <a:lstStyle/>
                    <a:p>
                      <a:pPr lvl="0" algn="l" fontAlgn="b"/>
                      <a:r>
                        <a:rPr lang="en-US" sz="1800" b="1" i="0" u="none" strike="noStrike" dirty="0">
                          <a:solidFill>
                            <a:schemeClr val="accent6">
                              <a:lumMod val="75000"/>
                            </a:schemeClr>
                          </a:solidFill>
                          <a:effectLst/>
                          <a:latin typeface="Arial" panose="020B0604020202020204" pitchFamily="34" charset="0"/>
                          <a:cs typeface="Arial" panose="020B0604020202020204" pitchFamily="34" charset="0"/>
                        </a:rPr>
                        <a:t>  Excluding NIEs</a:t>
                      </a:r>
                    </a:p>
                  </a:txBody>
                  <a:tcPr marL="0" marR="0" marT="0" marB="0">
                    <a:lnL w="12700" cap="flat" cmpd="sng" algn="ctr">
                      <a:solidFill>
                        <a:srgbClr val="DA9694"/>
                      </a:solidFill>
                      <a:prstDash val="solid"/>
                      <a:round/>
                      <a:headEnd type="none" w="med" len="med"/>
                      <a:tailEnd type="none" w="med" len="med"/>
                    </a:lnL>
                    <a:lnR>
                      <a:noFill/>
                    </a:lnR>
                    <a:lnT>
                      <a:noFill/>
                    </a:lnT>
                    <a:lnB w="12700" cap="flat" cmpd="sng" algn="ctr">
                      <a:solidFill>
                        <a:schemeClr val="tx1"/>
                      </a:solidFill>
                      <a:prstDash val="solid"/>
                      <a:round/>
                      <a:headEnd type="none" w="med" len="med"/>
                      <a:tailEnd type="none" w="med" len="med"/>
                    </a:lnB>
                  </a:tcPr>
                </a:tc>
                <a:tc>
                  <a:txBody>
                    <a:bodyPr/>
                    <a:lstStyle/>
                    <a:p>
                      <a:pPr algn="ctr" fontAlgn="b"/>
                      <a:r>
                        <a:rPr lang="en-US" sz="1800" b="1" i="0" u="none" strike="noStrike" dirty="0">
                          <a:solidFill>
                            <a:schemeClr val="accent6">
                              <a:lumMod val="75000"/>
                            </a:schemeClr>
                          </a:solidFill>
                          <a:effectLst/>
                          <a:latin typeface="Arial" panose="020B0604020202020204" pitchFamily="34" charset="0"/>
                          <a:cs typeface="Arial" panose="020B0604020202020204" pitchFamily="34" charset="0"/>
                        </a:rPr>
                        <a:t>6.6</a:t>
                      </a:r>
                    </a:p>
                  </a:txBody>
                  <a:tcPr marL="0" marR="0" marT="0" marB="0">
                    <a:lnL>
                      <a:noFill/>
                    </a:lnL>
                    <a:lnR>
                      <a:noFill/>
                    </a:lnR>
                    <a:lnT>
                      <a:noFill/>
                    </a:lnT>
                    <a:lnB w="12700" cap="flat" cmpd="sng" algn="ctr">
                      <a:solidFill>
                        <a:schemeClr val="tx1"/>
                      </a:solidFill>
                      <a:prstDash val="solid"/>
                      <a:round/>
                      <a:headEnd type="none" w="med" len="med"/>
                      <a:tailEnd type="none" w="med" len="med"/>
                    </a:lnB>
                  </a:tcPr>
                </a:tc>
                <a:tc>
                  <a:txBody>
                    <a:bodyPr/>
                    <a:lstStyle/>
                    <a:p>
                      <a:pPr marL="0" algn="ctr" defTabSz="914400" rtl="0" eaLnBrk="1" fontAlgn="b" latinLnBrk="0" hangingPunct="1"/>
                      <a:r>
                        <a:rPr lang="en-US" sz="1800" b="1" i="0" u="none" strike="noStrike" kern="1200" dirty="0">
                          <a:solidFill>
                            <a:schemeClr val="accent6">
                              <a:lumMod val="75000"/>
                            </a:schemeClr>
                          </a:solidFill>
                          <a:effectLst/>
                          <a:latin typeface="Arial" panose="020B0604020202020204" pitchFamily="34" charset="0"/>
                          <a:ea typeface="+mn-ea"/>
                          <a:cs typeface="Arial" panose="020B0604020202020204" pitchFamily="34" charset="0"/>
                        </a:rPr>
                        <a:t>6.5</a:t>
                      </a:r>
                    </a:p>
                  </a:txBody>
                  <a:tcPr marL="0" marR="0" marT="0" marB="0">
                    <a:lnL>
                      <a:noFill/>
                    </a:lnL>
                    <a:lnR>
                      <a:noFill/>
                    </a:lnR>
                    <a:lnT>
                      <a:noFill/>
                    </a:lnT>
                    <a:lnB w="12700" cap="flat" cmpd="sng" algn="ctr">
                      <a:solidFill>
                        <a:schemeClr val="tx1"/>
                      </a:solidFill>
                      <a:prstDash val="solid"/>
                      <a:round/>
                      <a:headEnd type="none" w="med" len="med"/>
                      <a:tailEnd type="none" w="med" len="med"/>
                    </a:lnB>
                    <a:solidFill>
                      <a:srgbClr val="33CCCC"/>
                    </a:solidFill>
                  </a:tcPr>
                </a:tc>
                <a:tc>
                  <a:txBody>
                    <a:bodyPr/>
                    <a:lstStyle/>
                    <a:p>
                      <a:pPr algn="ctr" fontAlgn="t"/>
                      <a:r>
                        <a:rPr lang="en-US" sz="1800" b="1" i="0" u="none" strike="noStrike" dirty="0">
                          <a:solidFill>
                            <a:schemeClr val="accent6">
                              <a:lumMod val="75000"/>
                            </a:schemeClr>
                          </a:solidFill>
                          <a:effectLst/>
                          <a:latin typeface="Arial" panose="020B0604020202020204" pitchFamily="34" charset="0"/>
                          <a:cs typeface="Arial" panose="020B0604020202020204" pitchFamily="34" charset="0"/>
                        </a:rPr>
                        <a:t>6.4</a:t>
                      </a:r>
                    </a:p>
                  </a:txBody>
                  <a:tcPr marL="0" marR="0" marT="0" marB="0">
                    <a:lnL>
                      <a:noFill/>
                    </a:lnL>
                    <a:lnR w="12700" cap="flat" cmpd="sng" algn="ctr">
                      <a:solidFill>
                        <a:srgbClr val="DA9694"/>
                      </a:solidFill>
                      <a:prstDash val="solid"/>
                      <a:round/>
                      <a:headEnd type="none" w="med" len="med"/>
                      <a:tailEnd type="none" w="med" len="med"/>
                    </a:lnR>
                    <a:lnT>
                      <a:noFill/>
                    </a:lnT>
                    <a:lnB w="12700" cap="flat" cmpd="sng" algn="ctr">
                      <a:solidFill>
                        <a:schemeClr val="tx1"/>
                      </a:solidFill>
                      <a:prstDash val="solid"/>
                      <a:round/>
                      <a:headEnd type="none" w="med" len="med"/>
                      <a:tailEnd type="none" w="med" len="med"/>
                    </a:lnB>
                    <a:solidFill>
                      <a:srgbClr val="33CCCC"/>
                    </a:solidFill>
                  </a:tcPr>
                </a:tc>
                <a:extLst>
                  <a:ext uri="{0D108BD9-81ED-4DB2-BD59-A6C34878D82A}">
                    <a16:rowId xmlns:a16="http://schemas.microsoft.com/office/drawing/2014/main" val="2842723928"/>
                  </a:ext>
                </a:extLst>
              </a:tr>
            </a:tbl>
          </a:graphicData>
        </a:graphic>
      </p:graphicFrame>
      <p:sp>
        <p:nvSpPr>
          <p:cNvPr id="55" name="Title 1">
            <a:extLst>
              <a:ext uri="{FF2B5EF4-FFF2-40B4-BE49-F238E27FC236}">
                <a16:creationId xmlns:a16="http://schemas.microsoft.com/office/drawing/2014/main" id="{780E778B-907E-45E9-8C3D-26D49F399BFD}"/>
              </a:ext>
            </a:extLst>
          </p:cNvPr>
          <p:cNvSpPr txBox="1">
            <a:spLocks/>
          </p:cNvSpPr>
          <p:nvPr/>
        </p:nvSpPr>
        <p:spPr>
          <a:xfrm>
            <a:off x="0" y="228600"/>
            <a:ext cx="9143999" cy="867963"/>
          </a:xfrm>
          <a:prstGeom prst="rect">
            <a:avLst/>
          </a:prstGeom>
        </p:spPr>
        <p:txBody>
          <a:bodyPr vert="horz" lIns="91440" tIns="45720" rIns="91440" bIns="45720" rtlCol="0" anchor="ctr">
            <a:no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US" sz="3600" b="1" dirty="0">
                <a:latin typeface="Arial" panose="020B0604020202020204" pitchFamily="34" charset="0"/>
                <a:cs typeface="Arial" panose="020B0604020202020204" pitchFamily="34" charset="0"/>
              </a:rPr>
              <a:t>2018 and 2019 should consolidate gains</a:t>
            </a:r>
          </a:p>
        </p:txBody>
      </p:sp>
    </p:spTree>
    <p:extLst>
      <p:ext uri="{BB962C8B-B14F-4D97-AF65-F5344CB8AC3E}">
        <p14:creationId xmlns:p14="http://schemas.microsoft.com/office/powerpoint/2010/main" val="227793006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6705600" y="6553200"/>
            <a:ext cx="2133600" cy="168275"/>
          </a:xfrm>
        </p:spPr>
        <p:txBody>
          <a:bodyPr/>
          <a:lstStyle/>
          <a:p>
            <a:fld id="{2D2BA73B-819F-4F5C-A415-CC1AB3DC340A}" type="slidenum">
              <a:rPr lang="en-US" smtClean="0">
                <a:solidFill>
                  <a:schemeClr val="tx1"/>
                </a:solidFill>
              </a:rPr>
              <a:pPr/>
              <a:t>11</a:t>
            </a:fld>
            <a:endParaRPr lang="en-US" dirty="0">
              <a:solidFill>
                <a:schemeClr val="tx1"/>
              </a:solidFill>
            </a:endParaRPr>
          </a:p>
        </p:txBody>
      </p:sp>
      <p:sp>
        <p:nvSpPr>
          <p:cNvPr id="9" name="TextBox 8"/>
          <p:cNvSpPr txBox="1"/>
          <p:nvPr/>
        </p:nvSpPr>
        <p:spPr>
          <a:xfrm>
            <a:off x="191989" y="6097141"/>
            <a:ext cx="6652073" cy="276999"/>
          </a:xfrm>
          <a:prstGeom prst="rect">
            <a:avLst/>
          </a:prstGeom>
          <a:noFill/>
        </p:spPr>
        <p:txBody>
          <a:bodyPr wrap="square" rtlCol="0">
            <a:spAutoFit/>
          </a:bodyPr>
          <a:lstStyle/>
          <a:p>
            <a:r>
              <a:rPr lang="en-US" sz="1200" dirty="0">
                <a:latin typeface="Arial" panose="020B0604020202020204" pitchFamily="34" charset="0"/>
                <a:cs typeface="Arial" panose="020B0604020202020204" pitchFamily="34" charset="0"/>
              </a:rPr>
              <a:t>Sources: Bloomberg; Haver Analytics; and CEIC Data Company (accessed 19 February 2018).</a:t>
            </a:r>
          </a:p>
        </p:txBody>
      </p:sp>
      <p:sp>
        <p:nvSpPr>
          <p:cNvPr id="18" name="Title 1"/>
          <p:cNvSpPr txBox="1">
            <a:spLocks/>
          </p:cNvSpPr>
          <p:nvPr/>
        </p:nvSpPr>
        <p:spPr>
          <a:xfrm>
            <a:off x="59928" y="108808"/>
            <a:ext cx="8904402" cy="972806"/>
          </a:xfrm>
          <a:prstGeom prst="rect">
            <a:avLst/>
          </a:prstGeom>
        </p:spPr>
        <p:txBody>
          <a:bodyPr vert="horz" lIns="91440" tIns="45720" rIns="91440" bIns="45720" rtlCol="0" anchor="ctr">
            <a:normAutofit fontScale="92500" lnSpcReduction="1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US" sz="3600" b="1" dirty="0">
                <a:latin typeface="Arial" panose="020B0604020202020204" pitchFamily="34" charset="0"/>
                <a:cs typeface="Arial" panose="020B0604020202020204" pitchFamily="34" charset="0"/>
              </a:rPr>
              <a:t>PRC growth will sustain moderation in favor of reforms</a:t>
            </a:r>
          </a:p>
        </p:txBody>
      </p:sp>
      <p:sp>
        <p:nvSpPr>
          <p:cNvPr id="8" name="TextBox 7"/>
          <p:cNvSpPr txBox="1"/>
          <p:nvPr/>
        </p:nvSpPr>
        <p:spPr>
          <a:xfrm>
            <a:off x="3841799" y="5702868"/>
            <a:ext cx="1020536" cy="338554"/>
          </a:xfrm>
          <a:prstGeom prst="rect">
            <a:avLst/>
          </a:prstGeom>
          <a:noFill/>
        </p:spPr>
        <p:txBody>
          <a:bodyPr wrap="square" rtlCol="0">
            <a:spAutoFit/>
          </a:bodyPr>
          <a:lstStyle/>
          <a:p>
            <a:pPr algn="ctr"/>
            <a:r>
              <a:rPr lang="en-US" sz="1600" b="1" dirty="0">
                <a:solidFill>
                  <a:srgbClr val="C00000"/>
                </a:solidFill>
                <a:latin typeface="Arial" panose="020B0604020202020204" pitchFamily="34" charset="0"/>
                <a:cs typeface="Arial" panose="020B0604020202020204" pitchFamily="34" charset="0"/>
              </a:rPr>
              <a:t>forecast</a:t>
            </a:r>
          </a:p>
        </p:txBody>
      </p:sp>
      <p:graphicFrame>
        <p:nvGraphicFramePr>
          <p:cNvPr id="17" name="Chart 16"/>
          <p:cNvGraphicFramePr/>
          <p:nvPr>
            <p:extLst>
              <p:ext uri="{D42A27DB-BD31-4B8C-83A1-F6EECF244321}">
                <p14:modId xmlns:p14="http://schemas.microsoft.com/office/powerpoint/2010/main" val="3526966529"/>
              </p:ext>
            </p:extLst>
          </p:nvPr>
        </p:nvGraphicFramePr>
        <p:xfrm>
          <a:off x="381000" y="1603302"/>
          <a:ext cx="4617357" cy="4179313"/>
        </p:xfrm>
        <a:graphic>
          <a:graphicData uri="http://schemas.openxmlformats.org/drawingml/2006/chart">
            <c:chart xmlns:c="http://schemas.openxmlformats.org/drawingml/2006/chart" xmlns:r="http://schemas.openxmlformats.org/officeDocument/2006/relationships" r:id="rId3"/>
          </a:graphicData>
        </a:graphic>
      </p:graphicFrame>
      <p:sp>
        <p:nvSpPr>
          <p:cNvPr id="20" name="Rectangle 19"/>
          <p:cNvSpPr/>
          <p:nvPr/>
        </p:nvSpPr>
        <p:spPr>
          <a:xfrm>
            <a:off x="3735664" y="2615420"/>
            <a:ext cx="1126671" cy="2133600"/>
          </a:xfrm>
          <a:prstGeom prst="rect">
            <a:avLst/>
          </a:prstGeom>
          <a:solidFill>
            <a:srgbClr val="FFC000">
              <a:alpha val="23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TextBox 20"/>
          <p:cNvSpPr txBox="1"/>
          <p:nvPr/>
        </p:nvSpPr>
        <p:spPr>
          <a:xfrm>
            <a:off x="5065116" y="1752600"/>
            <a:ext cx="3929694" cy="3724096"/>
          </a:xfrm>
          <a:prstGeom prst="rect">
            <a:avLst/>
          </a:prstGeom>
          <a:noFill/>
        </p:spPr>
        <p:txBody>
          <a:bodyPr wrap="square" rtlCol="0">
            <a:spAutoFit/>
          </a:bodyPr>
          <a:lstStyle/>
          <a:p>
            <a:pPr marL="231775" indent="-231775">
              <a:buFont typeface="Arial" panose="020B0604020202020204" pitchFamily="34" charset="0"/>
              <a:buChar char="•"/>
            </a:pPr>
            <a:r>
              <a:rPr lang="en-US" sz="2000" b="1" dirty="0">
                <a:solidFill>
                  <a:schemeClr val="accent6">
                    <a:lumMod val="75000"/>
                  </a:schemeClr>
                </a:solidFill>
                <a:latin typeface="Arial" panose="020B0604020202020204" pitchFamily="34" charset="0"/>
                <a:cs typeface="Arial" panose="020B0604020202020204" pitchFamily="34" charset="0"/>
              </a:rPr>
              <a:t>Growth will moderate over 2018–2019</a:t>
            </a:r>
          </a:p>
          <a:p>
            <a:pPr marL="285750" indent="-285750">
              <a:buFont typeface="Arial" panose="020B0604020202020204" pitchFamily="34" charset="0"/>
              <a:buChar char="•"/>
            </a:pPr>
            <a:endParaRPr lang="en-US" sz="1600" b="1" dirty="0">
              <a:solidFill>
                <a:srgbClr val="0070C0"/>
              </a:solidFill>
              <a:latin typeface="Arial" panose="020B0604020202020204" pitchFamily="34" charset="0"/>
              <a:cs typeface="Arial" panose="020B0604020202020204" pitchFamily="34" charset="0"/>
            </a:endParaRPr>
          </a:p>
          <a:p>
            <a:pPr marL="231775" indent="-219075">
              <a:buClr>
                <a:srgbClr val="000099"/>
              </a:buClr>
              <a:buFont typeface="Arial" panose="020B0604020202020204" pitchFamily="34" charset="0"/>
              <a:buChar char="•"/>
            </a:pPr>
            <a:r>
              <a:rPr lang="en-US" sz="2000" b="1" spc="20" dirty="0">
                <a:ln w="0"/>
                <a:solidFill>
                  <a:srgbClr val="0070C0"/>
                </a:solidFill>
                <a:latin typeface="Arial" panose="020B0604020202020204" pitchFamily="34" charset="0"/>
                <a:cs typeface="Arial" panose="020B0604020202020204" pitchFamily="34" charset="0"/>
              </a:rPr>
              <a:t>Government priorities to improve quality of growth:</a:t>
            </a:r>
          </a:p>
          <a:p>
            <a:pPr marL="463550" lvl="1" indent="-231775">
              <a:buClr>
                <a:srgbClr val="000099"/>
              </a:buClr>
            </a:pPr>
            <a:r>
              <a:rPr lang="en-US" sz="2000" spc="20" dirty="0">
                <a:ln w="0"/>
                <a:solidFill>
                  <a:srgbClr val="0070C0"/>
                </a:solidFill>
                <a:latin typeface="Arial" panose="020B0604020202020204" pitchFamily="34" charset="0"/>
                <a:cs typeface="Arial" panose="020B0604020202020204" pitchFamily="34" charset="0"/>
              </a:rPr>
              <a:t>1 Heading off financial risks</a:t>
            </a:r>
          </a:p>
          <a:p>
            <a:pPr marL="463550" lvl="1" indent="-231775">
              <a:buClr>
                <a:srgbClr val="000099"/>
              </a:buClr>
            </a:pPr>
            <a:r>
              <a:rPr lang="en-US" sz="2000" spc="20" dirty="0">
                <a:ln w="0"/>
                <a:solidFill>
                  <a:srgbClr val="0070C0"/>
                </a:solidFill>
                <a:latin typeface="Arial" panose="020B0604020202020204" pitchFamily="34" charset="0"/>
                <a:cs typeface="Arial" panose="020B0604020202020204" pitchFamily="34" charset="0"/>
              </a:rPr>
              <a:t>2 Controlling environmental pollution</a:t>
            </a:r>
          </a:p>
          <a:p>
            <a:pPr marL="463550" lvl="1" indent="-231775">
              <a:buClr>
                <a:srgbClr val="000099"/>
              </a:buClr>
            </a:pPr>
            <a:r>
              <a:rPr lang="en-US" sz="2000" spc="20" dirty="0">
                <a:ln w="0"/>
                <a:solidFill>
                  <a:srgbClr val="0070C0"/>
                </a:solidFill>
                <a:latin typeface="Arial" panose="020B0604020202020204" pitchFamily="34" charset="0"/>
                <a:cs typeface="Arial" panose="020B0604020202020204" pitchFamily="34" charset="0"/>
              </a:rPr>
              <a:t>3 Targeted intervention to eliminate poverty</a:t>
            </a:r>
          </a:p>
          <a:p>
            <a:pPr marL="285750" indent="-285750">
              <a:buFont typeface="Arial" panose="020B0604020202020204" pitchFamily="34" charset="0"/>
              <a:buChar char="•"/>
            </a:pPr>
            <a:endParaRPr lang="en-US" sz="2000" b="1" dirty="0">
              <a:solidFill>
                <a:schemeClr val="accent6">
                  <a:lumMod val="75000"/>
                </a:schemeClr>
              </a:solidFill>
              <a:latin typeface="Arial" panose="020B0604020202020204" pitchFamily="34" charset="0"/>
              <a:cs typeface="Arial" panose="020B0604020202020204" pitchFamily="34" charset="0"/>
            </a:endParaRPr>
          </a:p>
          <a:p>
            <a:endParaRPr lang="en-US" sz="2000" b="1" dirty="0">
              <a:solidFill>
                <a:schemeClr val="accent6">
                  <a:lumMod val="75000"/>
                </a:schemeClr>
              </a:solidFill>
              <a:latin typeface="Arial" panose="020B0604020202020204" pitchFamily="34" charset="0"/>
              <a:cs typeface="Arial" panose="020B0604020202020204" pitchFamily="34" charset="0"/>
            </a:endParaRPr>
          </a:p>
        </p:txBody>
      </p:sp>
      <p:sp>
        <p:nvSpPr>
          <p:cNvPr id="22" name="TextBox 21"/>
          <p:cNvSpPr txBox="1"/>
          <p:nvPr/>
        </p:nvSpPr>
        <p:spPr>
          <a:xfrm>
            <a:off x="355600" y="1142403"/>
            <a:ext cx="4978400" cy="400110"/>
          </a:xfrm>
          <a:prstGeom prst="rect">
            <a:avLst/>
          </a:prstGeom>
          <a:noFill/>
        </p:spPr>
        <p:txBody>
          <a:bodyPr wrap="square" rtlCol="0">
            <a:spAutoFit/>
          </a:bodyPr>
          <a:lstStyle/>
          <a:p>
            <a:r>
              <a:rPr lang="en-US" sz="2000" b="1" dirty="0">
                <a:solidFill>
                  <a:srgbClr val="C00000"/>
                </a:solidFill>
                <a:latin typeface="Arial" panose="020B0604020202020204" pitchFamily="34" charset="0"/>
                <a:cs typeface="Arial" panose="020B0604020202020204" pitchFamily="34" charset="0"/>
              </a:rPr>
              <a:t>Demand-side contributions to growth</a:t>
            </a:r>
          </a:p>
        </p:txBody>
      </p:sp>
    </p:spTree>
    <p:extLst>
      <p:ext uri="{BB962C8B-B14F-4D97-AF65-F5344CB8AC3E}">
        <p14:creationId xmlns:p14="http://schemas.microsoft.com/office/powerpoint/2010/main" val="318506656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9525" y="241394"/>
            <a:ext cx="9143999" cy="569328"/>
          </a:xfrm>
        </p:spPr>
        <p:txBody>
          <a:bodyPr>
            <a:noAutofit/>
          </a:bodyPr>
          <a:lstStyle/>
          <a:p>
            <a:r>
              <a:rPr lang="en-US" sz="3400" b="1" dirty="0">
                <a:latin typeface="Arial" panose="020B0604020202020204" pitchFamily="34" charset="0"/>
                <a:cs typeface="Arial" panose="020B0604020202020204" pitchFamily="34" charset="0"/>
              </a:rPr>
              <a:t>India growth picks up as headwinds fade</a:t>
            </a:r>
          </a:p>
        </p:txBody>
      </p:sp>
      <p:sp>
        <p:nvSpPr>
          <p:cNvPr id="4" name="Slide Number Placeholder 3"/>
          <p:cNvSpPr>
            <a:spLocks noGrp="1"/>
          </p:cNvSpPr>
          <p:nvPr>
            <p:ph type="sldNum" sz="quarter" idx="12"/>
          </p:nvPr>
        </p:nvSpPr>
        <p:spPr>
          <a:xfrm>
            <a:off x="6705600" y="6581336"/>
            <a:ext cx="2133600" cy="168275"/>
          </a:xfrm>
        </p:spPr>
        <p:txBody>
          <a:bodyPr/>
          <a:lstStyle/>
          <a:p>
            <a:fld id="{2D2BA73B-819F-4F5C-A415-CC1AB3DC340A}" type="slidenum">
              <a:rPr lang="en-US" smtClean="0">
                <a:solidFill>
                  <a:schemeClr val="tx1"/>
                </a:solidFill>
              </a:rPr>
              <a:pPr/>
              <a:t>12</a:t>
            </a:fld>
            <a:endParaRPr lang="en-US" dirty="0">
              <a:solidFill>
                <a:schemeClr val="tx1"/>
              </a:solidFill>
            </a:endParaRPr>
          </a:p>
        </p:txBody>
      </p:sp>
      <p:sp>
        <p:nvSpPr>
          <p:cNvPr id="14" name="Title 1"/>
          <p:cNvSpPr txBox="1">
            <a:spLocks/>
          </p:cNvSpPr>
          <p:nvPr/>
        </p:nvSpPr>
        <p:spPr>
          <a:xfrm>
            <a:off x="0" y="381344"/>
            <a:ext cx="9143999" cy="1162672"/>
          </a:xfrm>
          <a:prstGeom prst="rect">
            <a:avLst/>
          </a:prstGeom>
        </p:spPr>
        <p:txBody>
          <a:bodyPr vert="horz" lIns="91440" tIns="45720"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endParaRPr lang="en-US" sz="3600" b="1" dirty="0">
              <a:solidFill>
                <a:schemeClr val="accent2"/>
              </a:solidFill>
              <a:latin typeface="+mn-lt"/>
            </a:endParaRPr>
          </a:p>
        </p:txBody>
      </p:sp>
      <p:sp>
        <p:nvSpPr>
          <p:cNvPr id="18" name="TextBox 17"/>
          <p:cNvSpPr txBox="1"/>
          <p:nvPr/>
        </p:nvSpPr>
        <p:spPr>
          <a:xfrm>
            <a:off x="5486400" y="1831246"/>
            <a:ext cx="3352800" cy="3170099"/>
          </a:xfrm>
          <a:prstGeom prst="rect">
            <a:avLst/>
          </a:prstGeom>
          <a:noFill/>
        </p:spPr>
        <p:txBody>
          <a:bodyPr wrap="square" rtlCol="0">
            <a:spAutoFit/>
          </a:bodyPr>
          <a:lstStyle/>
          <a:p>
            <a:pPr marL="285750" indent="-285750">
              <a:buSzPct val="120000"/>
              <a:buFont typeface="Arial" panose="020B0604020202020204" pitchFamily="34" charset="0"/>
              <a:buChar char="•"/>
            </a:pPr>
            <a:r>
              <a:rPr lang="en-US" altLang="en-US" sz="2000" b="1" dirty="0">
                <a:solidFill>
                  <a:schemeClr val="accent1"/>
                </a:solidFill>
                <a:latin typeface="Arial" panose="020B0604020202020204" pitchFamily="34" charset="0"/>
                <a:cs typeface="Arial" panose="020B0604020202020204" pitchFamily="34" charset="0"/>
              </a:rPr>
              <a:t>Temporary effects from demonetization and GST rollout easing</a:t>
            </a:r>
          </a:p>
          <a:p>
            <a:pPr marL="285750" indent="-285750">
              <a:buSzPct val="120000"/>
              <a:buFont typeface="Arial" panose="020B0604020202020204" pitchFamily="34" charset="0"/>
              <a:buChar char="•"/>
            </a:pPr>
            <a:endParaRPr lang="en-US" altLang="en-US" sz="2000" b="1" dirty="0">
              <a:solidFill>
                <a:schemeClr val="accent6">
                  <a:lumMod val="75000"/>
                </a:schemeClr>
              </a:solidFill>
              <a:latin typeface="Arial" panose="020B0604020202020204" pitchFamily="34" charset="0"/>
              <a:cs typeface="Arial" panose="020B0604020202020204" pitchFamily="34" charset="0"/>
            </a:endParaRPr>
          </a:p>
          <a:p>
            <a:pPr marL="285750" indent="-285750">
              <a:buSzPct val="120000"/>
              <a:buFont typeface="Arial" panose="020B0604020202020204" pitchFamily="34" charset="0"/>
              <a:buChar char="•"/>
            </a:pPr>
            <a:r>
              <a:rPr lang="en-US" altLang="en-US" sz="2000" b="1" dirty="0">
                <a:solidFill>
                  <a:schemeClr val="accent6">
                    <a:lumMod val="75000"/>
                  </a:schemeClr>
                </a:solidFill>
                <a:latin typeface="Arial" panose="020B0604020202020204" pitchFamily="34" charset="0"/>
                <a:cs typeface="Arial" panose="020B0604020202020204" pitchFamily="34" charset="0"/>
              </a:rPr>
              <a:t>Growth to accelerate in FY2018 and FY2019</a:t>
            </a:r>
          </a:p>
          <a:p>
            <a:pPr marL="285750" indent="-285750">
              <a:buSzPct val="120000"/>
              <a:buFont typeface="Arial" panose="020B0604020202020204" pitchFamily="34" charset="0"/>
              <a:buChar char="•"/>
            </a:pPr>
            <a:endParaRPr lang="en-US" altLang="en-US" sz="2000" b="1" dirty="0">
              <a:solidFill>
                <a:schemeClr val="accent6">
                  <a:lumMod val="75000"/>
                </a:schemeClr>
              </a:solidFill>
              <a:latin typeface="Arial" panose="020B0604020202020204" pitchFamily="34" charset="0"/>
              <a:cs typeface="Arial" panose="020B0604020202020204" pitchFamily="34" charset="0"/>
            </a:endParaRPr>
          </a:p>
          <a:p>
            <a:pPr marL="285750" indent="-285750">
              <a:buSzPct val="120000"/>
              <a:buFont typeface="Arial" panose="020B0604020202020204" pitchFamily="34" charset="0"/>
              <a:buChar char="•"/>
            </a:pPr>
            <a:r>
              <a:rPr lang="en-US" altLang="en-US" sz="2000" b="1" dirty="0">
                <a:solidFill>
                  <a:schemeClr val="accent1"/>
                </a:solidFill>
                <a:latin typeface="Arial" panose="020B0604020202020204" pitchFamily="34" charset="0"/>
                <a:cs typeface="Arial" panose="020B0604020202020204" pitchFamily="34" charset="0"/>
              </a:rPr>
              <a:t>India forecast to be the fastest growing large economy</a:t>
            </a:r>
            <a:endParaRPr lang="en-US" sz="2000" b="1" dirty="0">
              <a:solidFill>
                <a:schemeClr val="accent1"/>
              </a:solidFill>
              <a:latin typeface="Arial" panose="020B0604020202020204" pitchFamily="34" charset="0"/>
              <a:cs typeface="Arial" panose="020B0604020202020204" pitchFamily="34" charset="0"/>
            </a:endParaRPr>
          </a:p>
        </p:txBody>
      </p:sp>
      <p:graphicFrame>
        <p:nvGraphicFramePr>
          <p:cNvPr id="6" name="Chart 5"/>
          <p:cNvGraphicFramePr/>
          <p:nvPr>
            <p:extLst>
              <p:ext uri="{D42A27DB-BD31-4B8C-83A1-F6EECF244321}">
                <p14:modId xmlns:p14="http://schemas.microsoft.com/office/powerpoint/2010/main" val="2166751850"/>
              </p:ext>
            </p:extLst>
          </p:nvPr>
        </p:nvGraphicFramePr>
        <p:xfrm>
          <a:off x="228600" y="1371600"/>
          <a:ext cx="5105400" cy="4800600"/>
        </p:xfrm>
        <a:graphic>
          <a:graphicData uri="http://schemas.openxmlformats.org/drawingml/2006/chart">
            <c:chart xmlns:c="http://schemas.openxmlformats.org/drawingml/2006/chart" xmlns:r="http://schemas.openxmlformats.org/officeDocument/2006/relationships" r:id="rId3"/>
          </a:graphicData>
        </a:graphic>
      </p:graphicFrame>
      <p:sp>
        <p:nvSpPr>
          <p:cNvPr id="8" name="TextBox 7">
            <a:extLst>
              <a:ext uri="{FF2B5EF4-FFF2-40B4-BE49-F238E27FC236}">
                <a16:creationId xmlns:a16="http://schemas.microsoft.com/office/drawing/2014/main" id="{9CBEEE6B-A1BD-44B3-B61C-C387AABB110B}"/>
              </a:ext>
            </a:extLst>
          </p:cNvPr>
          <p:cNvSpPr txBox="1"/>
          <p:nvPr/>
        </p:nvSpPr>
        <p:spPr>
          <a:xfrm>
            <a:off x="432816" y="5990135"/>
            <a:ext cx="4493538" cy="461665"/>
          </a:xfrm>
          <a:prstGeom prst="rect">
            <a:avLst/>
          </a:prstGeom>
          <a:noFill/>
        </p:spPr>
        <p:txBody>
          <a:bodyPr wrap="none" rtlCol="0">
            <a:spAutoFit/>
          </a:bodyPr>
          <a:lstStyle/>
          <a:p>
            <a:r>
              <a:rPr lang="en-US" sz="1200" dirty="0">
                <a:latin typeface="Arial" panose="020B0604020202020204" pitchFamily="34" charset="0"/>
                <a:cs typeface="Arial" panose="020B0604020202020204" pitchFamily="34" charset="0"/>
              </a:rPr>
              <a:t>GST=goods and services tax, PMI=purchasing managers index</a:t>
            </a:r>
          </a:p>
          <a:p>
            <a:endParaRPr lang="en-US" sz="1200"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3145006943"/>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11511" y="219177"/>
            <a:ext cx="8750300" cy="767133"/>
          </a:xfrm>
        </p:spPr>
        <p:txBody>
          <a:bodyPr>
            <a:normAutofit/>
          </a:bodyPr>
          <a:lstStyle/>
          <a:p>
            <a:pPr algn="ctr"/>
            <a:r>
              <a:rPr lang="en-US" sz="3600" b="1" dirty="0">
                <a:latin typeface="+mn-lt"/>
              </a:rPr>
              <a:t>The pickup in global commodity prices...</a:t>
            </a:r>
          </a:p>
        </p:txBody>
      </p:sp>
      <p:sp>
        <p:nvSpPr>
          <p:cNvPr id="4" name="Slide Number Placeholder 3"/>
          <p:cNvSpPr>
            <a:spLocks noGrp="1"/>
          </p:cNvSpPr>
          <p:nvPr>
            <p:ph type="sldNum" sz="quarter" idx="12"/>
          </p:nvPr>
        </p:nvSpPr>
        <p:spPr>
          <a:xfrm>
            <a:off x="6522720" y="6567268"/>
            <a:ext cx="2346960" cy="168275"/>
          </a:xfrm>
        </p:spPr>
        <p:txBody>
          <a:bodyPr/>
          <a:lstStyle/>
          <a:p>
            <a:fld id="{2D2BA73B-819F-4F5C-A415-CC1AB3DC340A}" type="slidenum">
              <a:rPr lang="en-US" smtClean="0">
                <a:solidFill>
                  <a:schemeClr val="tx1"/>
                </a:solidFill>
              </a:rPr>
              <a:pPr/>
              <a:t>13</a:t>
            </a:fld>
            <a:endParaRPr lang="en-US" dirty="0">
              <a:solidFill>
                <a:schemeClr val="tx1"/>
              </a:solidFill>
            </a:endParaRPr>
          </a:p>
        </p:txBody>
      </p:sp>
      <p:sp>
        <p:nvSpPr>
          <p:cNvPr id="3" name="TextBox 2"/>
          <p:cNvSpPr txBox="1"/>
          <p:nvPr/>
        </p:nvSpPr>
        <p:spPr>
          <a:xfrm>
            <a:off x="320357" y="5500457"/>
            <a:ext cx="7008074" cy="461665"/>
          </a:xfrm>
          <a:prstGeom prst="rect">
            <a:avLst/>
          </a:prstGeom>
          <a:noFill/>
          <a:ln>
            <a:noFill/>
          </a:ln>
        </p:spPr>
        <p:txBody>
          <a:bodyPr wrap="square" rtlCol="0">
            <a:spAutoFit/>
          </a:bodyPr>
          <a:lstStyle/>
          <a:p>
            <a:r>
              <a:rPr lang="en-US" sz="1200" dirty="0">
                <a:latin typeface="Arial" panose="020B0604020202020204" pitchFamily="34" charset="0"/>
                <a:cs typeface="Arial" panose="020B0604020202020204" pitchFamily="34" charset="0"/>
              </a:rPr>
              <a:t>Sources: Bloomberg; World Bank. Commodity Price Data (Pink Sheet). http://www.worldbank.org (accessed 16 March 2018).</a:t>
            </a:r>
          </a:p>
        </p:txBody>
      </p:sp>
      <p:graphicFrame>
        <p:nvGraphicFramePr>
          <p:cNvPr id="9" name="Chart 8">
            <a:extLst>
              <a:ext uri="{FF2B5EF4-FFF2-40B4-BE49-F238E27FC236}">
                <a16:creationId xmlns:a16="http://schemas.microsoft.com/office/drawing/2014/main" id="{BE3190E2-3E24-42A5-B3AF-8005932D01EA}"/>
              </a:ext>
            </a:extLst>
          </p:cNvPr>
          <p:cNvGraphicFramePr>
            <a:graphicFrameLocks/>
          </p:cNvGraphicFramePr>
          <p:nvPr>
            <p:extLst>
              <p:ext uri="{D42A27DB-BD31-4B8C-83A1-F6EECF244321}">
                <p14:modId xmlns:p14="http://schemas.microsoft.com/office/powerpoint/2010/main" val="3500092991"/>
              </p:ext>
            </p:extLst>
          </p:nvPr>
        </p:nvGraphicFramePr>
        <p:xfrm>
          <a:off x="311213" y="1298448"/>
          <a:ext cx="4306824" cy="426110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0" name="Chart 9">
            <a:extLst>
              <a:ext uri="{FF2B5EF4-FFF2-40B4-BE49-F238E27FC236}">
                <a16:creationId xmlns:a16="http://schemas.microsoft.com/office/drawing/2014/main" id="{7B158483-9829-4609-A705-D74F6FA3C8F1}"/>
              </a:ext>
            </a:extLst>
          </p:cNvPr>
          <p:cNvGraphicFramePr>
            <a:graphicFrameLocks/>
          </p:cNvGraphicFramePr>
          <p:nvPr>
            <p:extLst>
              <p:ext uri="{D42A27DB-BD31-4B8C-83A1-F6EECF244321}">
                <p14:modId xmlns:p14="http://schemas.microsoft.com/office/powerpoint/2010/main" val="2835067278"/>
              </p:ext>
            </p:extLst>
          </p:nvPr>
        </p:nvGraphicFramePr>
        <p:xfrm>
          <a:off x="4572000" y="1349081"/>
          <a:ext cx="4306824" cy="426110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707320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6096000" y="1926461"/>
            <a:ext cx="2013474" cy="2895600"/>
          </a:xfrm>
          <a:prstGeom prst="rect">
            <a:avLst/>
          </a:prstGeom>
          <a:solidFill>
            <a:srgbClr val="FFFF00">
              <a:alpha val="3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aphicFrame>
        <p:nvGraphicFramePr>
          <p:cNvPr id="7" name="Content Placeholder 12"/>
          <p:cNvGraphicFramePr>
            <a:graphicFrameLocks noGrp="1"/>
          </p:cNvGraphicFramePr>
          <p:nvPr>
            <p:ph idx="1"/>
            <p:extLst>
              <p:ext uri="{D42A27DB-BD31-4B8C-83A1-F6EECF244321}">
                <p14:modId xmlns:p14="http://schemas.microsoft.com/office/powerpoint/2010/main" val="1449212561"/>
              </p:ext>
            </p:extLst>
          </p:nvPr>
        </p:nvGraphicFramePr>
        <p:xfrm>
          <a:off x="533400" y="1371600"/>
          <a:ext cx="7886700" cy="3994089"/>
        </p:xfrm>
        <a:graphic>
          <a:graphicData uri="http://schemas.openxmlformats.org/drawingml/2006/chart">
            <c:chart xmlns:c="http://schemas.openxmlformats.org/drawingml/2006/chart" xmlns:r="http://schemas.openxmlformats.org/officeDocument/2006/relationships" r:id="rId3"/>
          </a:graphicData>
        </a:graphic>
      </p:graphicFrame>
      <p:sp>
        <p:nvSpPr>
          <p:cNvPr id="2" name="Title 1"/>
          <p:cNvSpPr>
            <a:spLocks noGrp="1"/>
          </p:cNvSpPr>
          <p:nvPr>
            <p:ph type="title"/>
          </p:nvPr>
        </p:nvSpPr>
        <p:spPr>
          <a:xfrm>
            <a:off x="0" y="254425"/>
            <a:ext cx="9144000" cy="940132"/>
          </a:xfrm>
        </p:spPr>
        <p:txBody>
          <a:bodyPr vert="horz" lIns="91440" tIns="45720" rIns="91440" bIns="45720" rtlCol="0" anchor="ctr">
            <a:noAutofit/>
          </a:bodyPr>
          <a:lstStyle/>
          <a:p>
            <a:pPr algn="ctr"/>
            <a:r>
              <a:rPr lang="en-US" sz="3600" b="1" dirty="0">
                <a:latin typeface="Arial" panose="020B0604020202020204" pitchFamily="34" charset="0"/>
                <a:cs typeface="Arial" panose="020B0604020202020204" pitchFamily="34" charset="0"/>
              </a:rPr>
              <a:t>...will give a modest boost to inflation</a:t>
            </a:r>
          </a:p>
        </p:txBody>
      </p:sp>
      <p:sp>
        <p:nvSpPr>
          <p:cNvPr id="8" name="Slide Number Placeholder 7"/>
          <p:cNvSpPr>
            <a:spLocks noGrp="1"/>
          </p:cNvSpPr>
          <p:nvPr>
            <p:ph type="sldNum" sz="quarter" idx="12"/>
          </p:nvPr>
        </p:nvSpPr>
        <p:spPr>
          <a:xfrm>
            <a:off x="7088669" y="6581336"/>
            <a:ext cx="1752600" cy="213742"/>
          </a:xfrm>
        </p:spPr>
        <p:txBody>
          <a:bodyPr/>
          <a:lstStyle/>
          <a:p>
            <a:fld id="{30E2EFED-C7E0-4B73-9438-3AD76B2DD6E2}" type="slidenum">
              <a:rPr lang="en-US" smtClean="0">
                <a:solidFill>
                  <a:schemeClr val="tx1"/>
                </a:solidFill>
              </a:rPr>
              <a:pPr/>
              <a:t>14</a:t>
            </a:fld>
            <a:endParaRPr lang="en-US" dirty="0">
              <a:solidFill>
                <a:schemeClr val="tx1"/>
              </a:solidFill>
            </a:endParaRPr>
          </a:p>
        </p:txBody>
      </p:sp>
      <p:sp>
        <p:nvSpPr>
          <p:cNvPr id="6" name="TextBox 5"/>
          <p:cNvSpPr txBox="1"/>
          <p:nvPr/>
        </p:nvSpPr>
        <p:spPr>
          <a:xfrm>
            <a:off x="609600" y="5534568"/>
            <a:ext cx="4267200" cy="276999"/>
          </a:xfrm>
          <a:prstGeom prst="rect">
            <a:avLst/>
          </a:prstGeom>
          <a:noFill/>
        </p:spPr>
        <p:txBody>
          <a:bodyPr wrap="square" rtlCol="0">
            <a:spAutoFit/>
          </a:bodyPr>
          <a:lstStyle/>
          <a:p>
            <a:r>
              <a:rPr lang="en-US" sz="1200" dirty="0">
                <a:latin typeface="Arial" panose="020B0604020202020204" pitchFamily="34" charset="0"/>
                <a:cs typeface="Arial" panose="020B0604020202020204" pitchFamily="34" charset="0"/>
              </a:rPr>
              <a:t>Source: </a:t>
            </a:r>
            <a:r>
              <a:rPr lang="en-US" sz="1200" i="1" dirty="0">
                <a:latin typeface="Arial" panose="020B0604020202020204" pitchFamily="34" charset="0"/>
                <a:cs typeface="Arial" panose="020B0604020202020204" pitchFamily="34" charset="0"/>
              </a:rPr>
              <a:t>Asian Development Outlook </a:t>
            </a:r>
            <a:r>
              <a:rPr lang="en-US" sz="1200" dirty="0">
                <a:latin typeface="Arial" panose="020B0604020202020204" pitchFamily="34" charset="0"/>
                <a:cs typeface="Arial" panose="020B0604020202020204" pitchFamily="34" charset="0"/>
              </a:rPr>
              <a:t>database.</a:t>
            </a:r>
          </a:p>
        </p:txBody>
      </p:sp>
      <p:sp>
        <p:nvSpPr>
          <p:cNvPr id="11" name="TextBox 10">
            <a:extLst>
              <a:ext uri="{FF2B5EF4-FFF2-40B4-BE49-F238E27FC236}">
                <a16:creationId xmlns:a16="http://schemas.microsoft.com/office/drawing/2014/main" id="{F8F35F00-2EC9-4BAC-A4CC-34E10ABD1EBC}"/>
              </a:ext>
            </a:extLst>
          </p:cNvPr>
          <p:cNvSpPr txBox="1"/>
          <p:nvPr/>
        </p:nvSpPr>
        <p:spPr>
          <a:xfrm>
            <a:off x="6455283" y="5234955"/>
            <a:ext cx="1509686" cy="307777"/>
          </a:xfrm>
          <a:prstGeom prst="rect">
            <a:avLst/>
          </a:prstGeom>
          <a:noFill/>
        </p:spPr>
        <p:txBody>
          <a:bodyPr wrap="square" rtlCol="0">
            <a:spAutoFit/>
          </a:bodyPr>
          <a:lstStyle/>
          <a:p>
            <a:pPr algn="ctr"/>
            <a:r>
              <a:rPr lang="en-US" sz="1400" b="1" dirty="0">
                <a:solidFill>
                  <a:schemeClr val="accent6">
                    <a:lumMod val="75000"/>
                  </a:schemeClr>
                </a:solidFill>
                <a:latin typeface="Arial" panose="020B0604020202020204" pitchFamily="34" charset="0"/>
                <a:cs typeface="Arial" panose="020B0604020202020204" pitchFamily="34" charset="0"/>
              </a:rPr>
              <a:t>forecast</a:t>
            </a:r>
          </a:p>
        </p:txBody>
      </p:sp>
    </p:spTree>
    <p:extLst>
      <p:ext uri="{BB962C8B-B14F-4D97-AF65-F5344CB8AC3E}">
        <p14:creationId xmlns:p14="http://schemas.microsoft.com/office/powerpoint/2010/main" val="3136576419"/>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184356"/>
            <a:ext cx="8923360" cy="784732"/>
          </a:xfrm>
        </p:spPr>
        <p:txBody>
          <a:bodyPr>
            <a:noAutofit/>
          </a:bodyPr>
          <a:lstStyle/>
          <a:p>
            <a:pPr algn="ctr"/>
            <a:r>
              <a:rPr lang="en-US" sz="3400" b="1" dirty="0">
                <a:latin typeface="Arial" panose="020B0604020202020204" pitchFamily="34" charset="0"/>
                <a:cs typeface="Arial" panose="020B0604020202020204" pitchFamily="34" charset="0"/>
              </a:rPr>
              <a:t>Risks to the outlook are on the downside</a:t>
            </a:r>
          </a:p>
        </p:txBody>
      </p:sp>
      <p:sp>
        <p:nvSpPr>
          <p:cNvPr id="3" name="Content Placeholder 2"/>
          <p:cNvSpPr>
            <a:spLocks noGrp="1"/>
          </p:cNvSpPr>
          <p:nvPr>
            <p:ph idx="1"/>
          </p:nvPr>
        </p:nvSpPr>
        <p:spPr>
          <a:xfrm>
            <a:off x="152400" y="1143000"/>
            <a:ext cx="8915400" cy="5063934"/>
          </a:xfrm>
        </p:spPr>
        <p:txBody>
          <a:bodyPr>
            <a:normAutofit/>
          </a:bodyPr>
          <a:lstStyle/>
          <a:p>
            <a:pPr marL="581025" indent="-404813">
              <a:spcBef>
                <a:spcPts val="0"/>
              </a:spcBef>
              <a:spcAft>
                <a:spcPts val="0"/>
              </a:spcAft>
              <a:buFont typeface="Calibri" panose="020F0502020204030204" pitchFamily="34" charset="0"/>
              <a:buChar char="●"/>
            </a:pPr>
            <a:r>
              <a:rPr lang="en-US" sz="2600" b="1" dirty="0">
                <a:solidFill>
                  <a:schemeClr val="accent1"/>
                </a:solidFill>
                <a:latin typeface="Arial" panose="020B0604020202020204" pitchFamily="34" charset="0"/>
                <a:cs typeface="Arial" panose="020B0604020202020204" pitchFamily="34" charset="0"/>
              </a:rPr>
              <a:t>Escalation of trade tensions</a:t>
            </a:r>
          </a:p>
          <a:p>
            <a:pPr marL="981075" lvl="1" indent="-404813">
              <a:spcBef>
                <a:spcPts val="0"/>
              </a:spcBef>
              <a:spcAft>
                <a:spcPts val="0"/>
              </a:spcAft>
              <a:buFont typeface="Wingdings" panose="05000000000000000000" pitchFamily="2" charset="2"/>
              <a:buChar char="Ø"/>
            </a:pPr>
            <a:r>
              <a:rPr lang="en-US" sz="2200" dirty="0">
                <a:solidFill>
                  <a:schemeClr val="accent1"/>
                </a:solidFill>
                <a:latin typeface="Arial" panose="020B0604020202020204" pitchFamily="34" charset="0"/>
                <a:cs typeface="Arial" panose="020B0604020202020204" pitchFamily="34" charset="0"/>
              </a:rPr>
              <a:t>Limited impact of US tariffs so far</a:t>
            </a:r>
          </a:p>
          <a:p>
            <a:pPr marL="981075" lvl="1" indent="-404813">
              <a:spcBef>
                <a:spcPts val="0"/>
              </a:spcBef>
              <a:spcAft>
                <a:spcPts val="0"/>
              </a:spcAft>
              <a:buFont typeface="Wingdings" panose="05000000000000000000" pitchFamily="2" charset="2"/>
              <a:buChar char="Ø"/>
            </a:pPr>
            <a:r>
              <a:rPr lang="en-US" sz="2200" dirty="0">
                <a:solidFill>
                  <a:schemeClr val="accent1"/>
                </a:solidFill>
                <a:latin typeface="Arial" panose="020B0604020202020204" pitchFamily="34" charset="0"/>
                <a:cs typeface="Arial" panose="020B0604020202020204" pitchFamily="34" charset="0"/>
              </a:rPr>
              <a:t>Further US tariffs or responses to them could tip the balance </a:t>
            </a:r>
          </a:p>
          <a:p>
            <a:pPr marL="581025" indent="-404813">
              <a:spcBef>
                <a:spcPts val="0"/>
              </a:spcBef>
              <a:spcAft>
                <a:spcPts val="0"/>
              </a:spcAft>
              <a:buFont typeface="Calibri" panose="020F0502020204030204" pitchFamily="34" charset="0"/>
              <a:buChar char="●"/>
            </a:pPr>
            <a:endParaRPr lang="en-US" sz="1200" dirty="0">
              <a:latin typeface="Arial" panose="020B0604020202020204" pitchFamily="34" charset="0"/>
              <a:cs typeface="Arial" panose="020B0604020202020204" pitchFamily="34" charset="0"/>
            </a:endParaRPr>
          </a:p>
          <a:p>
            <a:pPr marL="581025" indent="-404813">
              <a:spcBef>
                <a:spcPts val="0"/>
              </a:spcBef>
              <a:spcAft>
                <a:spcPts val="0"/>
              </a:spcAft>
              <a:buFont typeface="Calibri" panose="020F0502020204030204" pitchFamily="34" charset="0"/>
              <a:buChar char="●"/>
            </a:pPr>
            <a:r>
              <a:rPr lang="en-US" sz="2600" b="1" dirty="0">
                <a:solidFill>
                  <a:schemeClr val="accent6"/>
                </a:solidFill>
                <a:latin typeface="Arial" panose="020B0604020202020204" pitchFamily="34" charset="0"/>
                <a:cs typeface="Arial" panose="020B0604020202020204" pitchFamily="34" charset="0"/>
              </a:rPr>
              <a:t>Interest-rate induced capital flow shifts</a:t>
            </a:r>
          </a:p>
          <a:p>
            <a:pPr marL="1033462" lvl="1" indent="-457200">
              <a:spcBef>
                <a:spcPts val="0"/>
              </a:spcBef>
              <a:spcAft>
                <a:spcPts val="0"/>
              </a:spcAft>
              <a:buFont typeface="Wingdings" panose="05000000000000000000" pitchFamily="2" charset="2"/>
              <a:buChar char="Ø"/>
            </a:pPr>
            <a:r>
              <a:rPr lang="en-US" sz="2200" dirty="0">
                <a:solidFill>
                  <a:schemeClr val="accent6"/>
                </a:solidFill>
                <a:latin typeface="Arial" panose="020B0604020202020204" pitchFamily="34" charset="0"/>
                <a:cs typeface="Arial" panose="020B0604020202020204" pitchFamily="34" charset="0"/>
              </a:rPr>
              <a:t>Baseline assumes rising path of US Fed interest rates</a:t>
            </a:r>
          </a:p>
          <a:p>
            <a:pPr marL="1033462" lvl="1" indent="-457200">
              <a:spcBef>
                <a:spcPts val="0"/>
              </a:spcBef>
              <a:spcAft>
                <a:spcPts val="0"/>
              </a:spcAft>
              <a:buFont typeface="Wingdings" panose="05000000000000000000" pitchFamily="2" charset="2"/>
              <a:buChar char="Ø"/>
            </a:pPr>
            <a:r>
              <a:rPr lang="en-US" sz="2200" dirty="0">
                <a:solidFill>
                  <a:schemeClr val="accent6"/>
                </a:solidFill>
                <a:latin typeface="Arial" panose="020B0604020202020204" pitchFamily="34" charset="0"/>
                <a:cs typeface="Arial" panose="020B0604020202020204" pitchFamily="34" charset="0"/>
              </a:rPr>
              <a:t>A more aggressive stance could reverse Asia’s capital flows</a:t>
            </a:r>
          </a:p>
          <a:p>
            <a:pPr marL="1033462" lvl="1" indent="-457200">
              <a:spcBef>
                <a:spcPts val="0"/>
              </a:spcBef>
              <a:spcAft>
                <a:spcPts val="0"/>
              </a:spcAft>
              <a:buFont typeface="Wingdings" panose="05000000000000000000" pitchFamily="2" charset="2"/>
              <a:buChar char="Ø"/>
            </a:pPr>
            <a:endParaRPr lang="en-US" sz="1200" dirty="0">
              <a:latin typeface="Arial" panose="020B0604020202020204" pitchFamily="34" charset="0"/>
              <a:cs typeface="Arial" panose="020B0604020202020204" pitchFamily="34" charset="0"/>
            </a:endParaRPr>
          </a:p>
          <a:p>
            <a:pPr marL="581025" indent="-404813">
              <a:spcBef>
                <a:spcPts val="0"/>
              </a:spcBef>
              <a:spcAft>
                <a:spcPts val="0"/>
              </a:spcAft>
              <a:buFont typeface="Calibri" panose="020F0502020204030204" pitchFamily="34" charset="0"/>
              <a:buChar char="●"/>
            </a:pPr>
            <a:r>
              <a:rPr lang="en-US" sz="2600" b="1" dirty="0">
                <a:solidFill>
                  <a:schemeClr val="accent1"/>
                </a:solidFill>
                <a:latin typeface="Arial" panose="020B0604020202020204" pitchFamily="34" charset="0"/>
                <a:cs typeface="Arial" panose="020B0604020202020204" pitchFamily="34" charset="0"/>
              </a:rPr>
              <a:t>Impact of rising private debt on growth</a:t>
            </a:r>
          </a:p>
          <a:p>
            <a:pPr marL="1033462" lvl="1" indent="-457200">
              <a:spcBef>
                <a:spcPts val="0"/>
              </a:spcBef>
              <a:spcAft>
                <a:spcPts val="0"/>
              </a:spcAft>
              <a:buFont typeface="Wingdings" panose="05000000000000000000" pitchFamily="2" charset="2"/>
              <a:buChar char="Ø"/>
            </a:pPr>
            <a:r>
              <a:rPr lang="en-US" sz="2200" dirty="0">
                <a:solidFill>
                  <a:schemeClr val="accent1"/>
                </a:solidFill>
                <a:latin typeface="Arial" panose="020B0604020202020204" pitchFamily="34" charset="0"/>
                <a:cs typeface="Arial" panose="020B0604020202020204" pitchFamily="34" charset="0"/>
              </a:rPr>
              <a:t>Quality of debt should be pushed, need to closely monitor debt trends and build more efficient financial systems</a:t>
            </a:r>
          </a:p>
          <a:p>
            <a:pPr marL="0" indent="0">
              <a:buNone/>
            </a:pPr>
            <a:endParaRPr lang="en-US" sz="2000" dirty="0">
              <a:latin typeface="Arial" panose="020B0604020202020204" pitchFamily="34" charset="0"/>
              <a:cs typeface="Arial" panose="020B0604020202020204" pitchFamily="34" charset="0"/>
            </a:endParaRPr>
          </a:p>
          <a:p>
            <a:endParaRPr lang="en-US" sz="2000" dirty="0">
              <a:latin typeface="Arial" panose="020B0604020202020204" pitchFamily="34" charset="0"/>
              <a:cs typeface="Arial" panose="020B0604020202020204" pitchFamily="34" charset="0"/>
            </a:endParaRPr>
          </a:p>
          <a:p>
            <a:pPr marL="0" indent="0">
              <a:buNone/>
            </a:pPr>
            <a:endParaRPr lang="en-US" sz="2000" dirty="0">
              <a:latin typeface="Arial" panose="020B0604020202020204" pitchFamily="34" charset="0"/>
              <a:cs typeface="Arial" panose="020B0604020202020204" pitchFamily="34" charset="0"/>
            </a:endParaRPr>
          </a:p>
          <a:p>
            <a:pPr marL="0" indent="0">
              <a:buNone/>
            </a:pPr>
            <a:endParaRPr lang="en-US" sz="2000" dirty="0">
              <a:latin typeface="Arial" panose="020B0604020202020204" pitchFamily="34" charset="0"/>
              <a:cs typeface="Arial" panose="020B0604020202020204" pitchFamily="34" charset="0"/>
            </a:endParaRPr>
          </a:p>
        </p:txBody>
      </p:sp>
      <p:sp>
        <p:nvSpPr>
          <p:cNvPr id="4" name="Slide Number Placeholder 3"/>
          <p:cNvSpPr>
            <a:spLocks noGrp="1"/>
          </p:cNvSpPr>
          <p:nvPr>
            <p:ph type="sldNum" sz="quarter" idx="12"/>
          </p:nvPr>
        </p:nvSpPr>
        <p:spPr>
          <a:xfrm>
            <a:off x="6722424" y="6538452"/>
            <a:ext cx="2133600" cy="304800"/>
          </a:xfrm>
        </p:spPr>
        <p:txBody>
          <a:bodyPr/>
          <a:lstStyle/>
          <a:p>
            <a:fld id="{2D2BA73B-819F-4F5C-A415-CC1AB3DC340A}" type="slidenum">
              <a:rPr lang="en-US" smtClean="0">
                <a:solidFill>
                  <a:schemeClr val="tx1"/>
                </a:solidFill>
              </a:rPr>
              <a:pPr/>
              <a:t>15</a:t>
            </a:fld>
            <a:endParaRPr lang="en-US" dirty="0">
              <a:solidFill>
                <a:schemeClr val="tx1"/>
              </a:solidFill>
            </a:endParaRPr>
          </a:p>
        </p:txBody>
      </p:sp>
      <p:sp>
        <p:nvSpPr>
          <p:cNvPr id="6" name="TextBox 5"/>
          <p:cNvSpPr txBox="1"/>
          <p:nvPr/>
        </p:nvSpPr>
        <p:spPr>
          <a:xfrm>
            <a:off x="465506" y="4997289"/>
            <a:ext cx="8138652" cy="954107"/>
          </a:xfrm>
          <a:prstGeom prst="rect">
            <a:avLst/>
          </a:prstGeom>
          <a:noFill/>
        </p:spPr>
        <p:txBody>
          <a:bodyPr wrap="square" rtlCol="0">
            <a:spAutoFit/>
          </a:bodyPr>
          <a:lstStyle/>
          <a:p>
            <a:pPr algn="ctr"/>
            <a:r>
              <a:rPr lang="en-US" sz="2800" b="1" dirty="0">
                <a:solidFill>
                  <a:schemeClr val="accent2"/>
                </a:solidFill>
                <a:latin typeface="Arial" panose="020B0604020202020204" pitchFamily="34" charset="0"/>
                <a:cs typeface="Arial" panose="020B0604020202020204" pitchFamily="34" charset="0"/>
              </a:rPr>
              <a:t>Improved fiscal and financial positions bolster developing Asia’s resilience to shocks</a:t>
            </a:r>
          </a:p>
        </p:txBody>
      </p:sp>
    </p:spTree>
    <p:extLst>
      <p:ext uri="{BB962C8B-B14F-4D97-AF65-F5344CB8AC3E}">
        <p14:creationId xmlns:p14="http://schemas.microsoft.com/office/powerpoint/2010/main" val="4006731366"/>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3"/>
          <p:cNvSpPr>
            <a:spLocks noGrp="1"/>
          </p:cNvSpPr>
          <p:nvPr>
            <p:ph type="ctrTitle"/>
          </p:nvPr>
        </p:nvSpPr>
        <p:spPr>
          <a:xfrm>
            <a:off x="304800" y="1981200"/>
            <a:ext cx="8534400" cy="1470025"/>
          </a:xfrm>
        </p:spPr>
        <p:txBody>
          <a:bodyPr/>
          <a:lstStyle/>
          <a:p>
            <a:r>
              <a:rPr lang="en-US" b="1" dirty="0">
                <a:latin typeface="Arial" panose="020B0604020202020204" pitchFamily="34" charset="0"/>
                <a:cs typeface="Arial" panose="020B0604020202020204" pitchFamily="34" charset="0"/>
              </a:rPr>
              <a:t>Theme chapter:</a:t>
            </a:r>
            <a:br>
              <a:rPr lang="en-US" dirty="0">
                <a:latin typeface="Arial" panose="020B0604020202020204" pitchFamily="34" charset="0"/>
                <a:cs typeface="Arial" panose="020B0604020202020204" pitchFamily="34" charset="0"/>
              </a:rPr>
            </a:br>
            <a:r>
              <a:rPr lang="en-US" b="1" dirty="0">
                <a:solidFill>
                  <a:srgbClr val="00B050"/>
                </a:solidFill>
                <a:latin typeface="Arial" panose="020B0604020202020204" pitchFamily="34" charset="0"/>
                <a:cs typeface="Arial" panose="020B0604020202020204" pitchFamily="34" charset="0"/>
              </a:rPr>
              <a:t>How Technology Affects Jobs</a:t>
            </a:r>
            <a:endParaRPr lang="en-US" dirty="0">
              <a:latin typeface="Arial" panose="020B0604020202020204" pitchFamily="34" charset="0"/>
              <a:cs typeface="Arial" panose="020B0604020202020204" pitchFamily="34" charset="0"/>
            </a:endParaRPr>
          </a:p>
        </p:txBody>
      </p:sp>
      <p:sp>
        <p:nvSpPr>
          <p:cNvPr id="2" name="Slide Number Placeholder 1"/>
          <p:cNvSpPr>
            <a:spLocks noGrp="1"/>
          </p:cNvSpPr>
          <p:nvPr>
            <p:ph type="sldNum" sz="quarter" idx="12"/>
          </p:nvPr>
        </p:nvSpPr>
        <p:spPr>
          <a:xfrm>
            <a:off x="6715428" y="6567948"/>
            <a:ext cx="2133600" cy="168275"/>
          </a:xfrm>
        </p:spPr>
        <p:txBody>
          <a:bodyPr/>
          <a:lstStyle/>
          <a:p>
            <a:pPr>
              <a:defRPr/>
            </a:pPr>
            <a:fld id="{4F296804-6835-443F-A411-4CDDD5F8C239}" type="slidenum">
              <a:rPr lang="en-US" smtClean="0">
                <a:solidFill>
                  <a:schemeClr val="tx1"/>
                </a:solidFill>
              </a:rPr>
              <a:pPr>
                <a:defRPr/>
              </a:pPr>
              <a:t>16</a:t>
            </a:fld>
            <a:endParaRPr lang="en-US">
              <a:solidFill>
                <a:schemeClr val="tx1"/>
              </a:solidFill>
            </a:endParaRPr>
          </a:p>
        </p:txBody>
      </p:sp>
    </p:spTree>
    <p:extLst>
      <p:ext uri="{BB962C8B-B14F-4D97-AF65-F5344CB8AC3E}">
        <p14:creationId xmlns:p14="http://schemas.microsoft.com/office/powerpoint/2010/main" val="14624155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id="{F9F3954E-5C3D-4E59-ABC9-9C47F47B3B78}"/>
              </a:ext>
            </a:extLst>
          </p:cNvPr>
          <p:cNvSpPr>
            <a:spLocks noGrp="1"/>
          </p:cNvSpPr>
          <p:nvPr>
            <p:ph type="title"/>
          </p:nvPr>
        </p:nvSpPr>
        <p:spPr>
          <a:xfrm>
            <a:off x="152400" y="136525"/>
            <a:ext cx="8725379" cy="1143000"/>
          </a:xfrm>
        </p:spPr>
        <p:txBody>
          <a:bodyPr>
            <a:noAutofit/>
          </a:bodyPr>
          <a:lstStyle/>
          <a:p>
            <a:pPr lvl="0">
              <a:spcBef>
                <a:spcPct val="20000"/>
              </a:spcBef>
            </a:pPr>
            <a:r>
              <a:rPr lang="en-US" sz="2800" b="1" dirty="0">
                <a:latin typeface="Arial" panose="020B0604020202020204" pitchFamily="34" charset="0"/>
                <a:cs typeface="Arial" panose="020B0604020202020204" pitchFamily="34" charset="0"/>
              </a:rPr>
              <a:t>Technological advancement drives higher productivity, the foundation for better-paid jobs and economic growth</a:t>
            </a:r>
          </a:p>
        </p:txBody>
      </p:sp>
      <p:sp>
        <p:nvSpPr>
          <p:cNvPr id="4" name="Slide Number Placeholder 3">
            <a:extLst>
              <a:ext uri="{FF2B5EF4-FFF2-40B4-BE49-F238E27FC236}">
                <a16:creationId xmlns:a16="http://schemas.microsoft.com/office/drawing/2014/main" id="{252E78C5-A0C6-4801-A111-78F45CB25F5B}"/>
              </a:ext>
            </a:extLst>
          </p:cNvPr>
          <p:cNvSpPr>
            <a:spLocks noGrp="1"/>
          </p:cNvSpPr>
          <p:nvPr>
            <p:ph type="sldNum" sz="quarter" idx="12"/>
          </p:nvPr>
        </p:nvSpPr>
        <p:spPr>
          <a:xfrm>
            <a:off x="6744179" y="6492875"/>
            <a:ext cx="2133600" cy="365125"/>
          </a:xfrm>
        </p:spPr>
        <p:txBody>
          <a:bodyPr/>
          <a:lstStyle/>
          <a:p>
            <a:fld id="{B6F15528-21DE-4FAA-801E-634DDDAF4B2B}" type="slidenum">
              <a:rPr lang="en-US" smtClean="0">
                <a:solidFill>
                  <a:schemeClr val="tx1"/>
                </a:solidFill>
              </a:rPr>
              <a:pPr/>
              <a:t>17</a:t>
            </a:fld>
            <a:endParaRPr lang="en-US">
              <a:solidFill>
                <a:schemeClr val="tx1"/>
              </a:solidFill>
            </a:endParaRPr>
          </a:p>
        </p:txBody>
      </p:sp>
      <p:pic>
        <p:nvPicPr>
          <p:cNvPr id="13" name="Picture 12">
            <a:extLst>
              <a:ext uri="{FF2B5EF4-FFF2-40B4-BE49-F238E27FC236}">
                <a16:creationId xmlns:a16="http://schemas.microsoft.com/office/drawing/2014/main" id="{574EE598-FBBD-418C-9083-B7DE5B9382FC}"/>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57200" y="1447800"/>
            <a:ext cx="8229600" cy="4419600"/>
          </a:xfrm>
          <a:prstGeom prst="rect">
            <a:avLst/>
          </a:prstGeom>
        </p:spPr>
      </p:pic>
    </p:spTree>
    <p:extLst>
      <p:ext uri="{BB962C8B-B14F-4D97-AF65-F5344CB8AC3E}">
        <p14:creationId xmlns:p14="http://schemas.microsoft.com/office/powerpoint/2010/main" val="19102312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228600" y="274638"/>
            <a:ext cx="8686800" cy="1143000"/>
          </a:xfrm>
        </p:spPr>
        <p:txBody>
          <a:bodyPr/>
          <a:lstStyle/>
          <a:p>
            <a:r>
              <a:rPr kumimoji="1" lang="en-US" altLang="ja-JP" sz="3200" b="1" dirty="0">
                <a:latin typeface="Arial" panose="020B0604020202020204" pitchFamily="34" charset="0"/>
                <a:cs typeface="Arial" panose="020B0604020202020204" pitchFamily="34" charset="0"/>
              </a:rPr>
              <a:t>There are compelling reasons for optimism about developing Asia’s job prospects</a:t>
            </a:r>
            <a:endParaRPr kumimoji="1" lang="ja-JP" altLang="en-US" sz="3200" b="1" dirty="0">
              <a:latin typeface="Arial" panose="020B0604020202020204" pitchFamily="34" charset="0"/>
              <a:cs typeface="Arial" panose="020B0604020202020204" pitchFamily="34" charset="0"/>
            </a:endParaRPr>
          </a:p>
        </p:txBody>
      </p:sp>
      <p:sp>
        <p:nvSpPr>
          <p:cNvPr id="4" name="テキスト ボックス 3"/>
          <p:cNvSpPr txBox="1"/>
          <p:nvPr/>
        </p:nvSpPr>
        <p:spPr>
          <a:xfrm>
            <a:off x="457200" y="1828800"/>
            <a:ext cx="8229600" cy="3600986"/>
          </a:xfrm>
          <a:prstGeom prst="rect">
            <a:avLst/>
          </a:prstGeom>
          <a:noFill/>
        </p:spPr>
        <p:txBody>
          <a:bodyPr wrap="square" rtlCol="0">
            <a:spAutoFit/>
          </a:bodyPr>
          <a:lstStyle/>
          <a:p>
            <a:pPr marL="980237" lvl="1" indent="-514350">
              <a:spcBef>
                <a:spcPts val="1200"/>
              </a:spcBef>
              <a:spcAft>
                <a:spcPts val="1200"/>
              </a:spcAft>
              <a:buFont typeface="+mj-lt"/>
              <a:buAutoNum type="arabicPeriod"/>
            </a:pPr>
            <a:r>
              <a:rPr lang="en-US" altLang="ja-JP" sz="2800" b="1" dirty="0">
                <a:solidFill>
                  <a:srgbClr val="0070C0"/>
                </a:solidFill>
                <a:latin typeface="Arial" panose="020B0604020202020204" pitchFamily="34" charset="0"/>
                <a:cs typeface="Arial" panose="020B0604020202020204" pitchFamily="34" charset="0"/>
              </a:rPr>
              <a:t>New technologies often automate only some tasks of a job. </a:t>
            </a:r>
          </a:p>
          <a:p>
            <a:pPr marL="980237" lvl="1" indent="-514350">
              <a:spcBef>
                <a:spcPts val="1200"/>
              </a:spcBef>
              <a:spcAft>
                <a:spcPts val="1200"/>
              </a:spcAft>
              <a:buFont typeface="+mj-lt"/>
              <a:buAutoNum type="arabicPeriod"/>
            </a:pPr>
            <a:r>
              <a:rPr lang="en-US" altLang="ja-JP" sz="2800" b="1" dirty="0">
                <a:solidFill>
                  <a:schemeClr val="accent6"/>
                </a:solidFill>
                <a:latin typeface="Arial" panose="020B0604020202020204" pitchFamily="34" charset="0"/>
                <a:cs typeface="Arial" panose="020B0604020202020204" pitchFamily="34" charset="0"/>
              </a:rPr>
              <a:t>Technical feasibility does not guarantee economic feasibility. </a:t>
            </a:r>
          </a:p>
          <a:p>
            <a:pPr marL="980237" lvl="1" indent="-514350">
              <a:spcBef>
                <a:spcPts val="1200"/>
              </a:spcBef>
              <a:spcAft>
                <a:spcPts val="1200"/>
              </a:spcAft>
              <a:buFont typeface="+mj-lt"/>
              <a:buAutoNum type="arabicPeriod"/>
            </a:pPr>
            <a:r>
              <a:rPr lang="en-US" altLang="ja-JP" sz="2800" b="1" dirty="0">
                <a:solidFill>
                  <a:srgbClr val="0070C0"/>
                </a:solidFill>
                <a:latin typeface="Arial" panose="020B0604020202020204" pitchFamily="34" charset="0"/>
                <a:cs typeface="Arial" panose="020B0604020202020204" pitchFamily="34" charset="0"/>
              </a:rPr>
              <a:t>Rising income and demand.  </a:t>
            </a:r>
          </a:p>
          <a:p>
            <a:pPr marL="980237" lvl="1" indent="-514350">
              <a:spcBef>
                <a:spcPts val="1200"/>
              </a:spcBef>
              <a:spcAft>
                <a:spcPts val="1200"/>
              </a:spcAft>
              <a:buFont typeface="+mj-lt"/>
              <a:buAutoNum type="arabicPeriod"/>
            </a:pPr>
            <a:r>
              <a:rPr lang="en-US" altLang="ja-JP" sz="2800" b="1" dirty="0">
                <a:solidFill>
                  <a:schemeClr val="accent6"/>
                </a:solidFill>
                <a:latin typeface="Arial" panose="020B0604020202020204" pitchFamily="34" charset="0"/>
                <a:cs typeface="Arial" panose="020B0604020202020204" pitchFamily="34" charset="0"/>
              </a:rPr>
              <a:t>New occupations and industries.</a:t>
            </a:r>
          </a:p>
        </p:txBody>
      </p:sp>
      <p:sp>
        <p:nvSpPr>
          <p:cNvPr id="3" name="Slide Number Placeholder 2">
            <a:extLst>
              <a:ext uri="{FF2B5EF4-FFF2-40B4-BE49-F238E27FC236}">
                <a16:creationId xmlns:a16="http://schemas.microsoft.com/office/drawing/2014/main" id="{CEAF4EEE-67C4-4705-92BF-3D90E9328787}"/>
              </a:ext>
            </a:extLst>
          </p:cNvPr>
          <p:cNvSpPr>
            <a:spLocks noGrp="1"/>
          </p:cNvSpPr>
          <p:nvPr>
            <p:ph type="sldNum" sz="quarter" idx="12"/>
          </p:nvPr>
        </p:nvSpPr>
        <p:spPr>
          <a:xfrm>
            <a:off x="6705600" y="6547739"/>
            <a:ext cx="2133600" cy="288925"/>
          </a:xfrm>
        </p:spPr>
        <p:txBody>
          <a:bodyPr/>
          <a:lstStyle/>
          <a:p>
            <a:pPr>
              <a:defRPr/>
            </a:pPr>
            <a:fld id="{03DF4BEC-FD44-4C11-89BC-38ACD6016FFD}" type="slidenum">
              <a:rPr lang="en-US" smtClean="0">
                <a:solidFill>
                  <a:schemeClr val="tx1"/>
                </a:solidFill>
              </a:rPr>
              <a:pPr>
                <a:defRPr/>
              </a:pPr>
              <a:t>18</a:t>
            </a:fld>
            <a:endParaRPr lang="en-US" dirty="0">
              <a:solidFill>
                <a:schemeClr val="tx1"/>
              </a:solidFill>
            </a:endParaRPr>
          </a:p>
        </p:txBody>
      </p:sp>
    </p:spTree>
    <p:extLst>
      <p:ext uri="{BB962C8B-B14F-4D97-AF65-F5344CB8AC3E}">
        <p14:creationId xmlns:p14="http://schemas.microsoft.com/office/powerpoint/2010/main" val="3984091987"/>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B7271C1-53AA-44F0-B02E-BF0E83D4D6D0}"/>
              </a:ext>
            </a:extLst>
          </p:cNvPr>
          <p:cNvSpPr>
            <a:spLocks noGrp="1"/>
          </p:cNvSpPr>
          <p:nvPr>
            <p:ph type="title"/>
          </p:nvPr>
        </p:nvSpPr>
        <p:spPr>
          <a:xfrm>
            <a:off x="304800" y="144505"/>
            <a:ext cx="8686800" cy="846095"/>
          </a:xfrm>
        </p:spPr>
        <p:txBody>
          <a:bodyPr/>
          <a:lstStyle/>
          <a:p>
            <a:pPr>
              <a:spcBef>
                <a:spcPct val="20000"/>
              </a:spcBef>
            </a:pPr>
            <a:r>
              <a:rPr lang="en-US" sz="2400" b="1" dirty="0">
                <a:latin typeface="Arial" panose="020B0604020202020204" pitchFamily="34" charset="0"/>
                <a:cs typeface="Arial" panose="020B0604020202020204" pitchFamily="34" charset="0"/>
              </a:rPr>
              <a:t>New technologies often involve automating specific tasks associated with a job, not the job in its entirety</a:t>
            </a:r>
            <a:endParaRPr lang="en-US" sz="1400" b="1" dirty="0">
              <a:latin typeface="Arial" panose="020B0604020202020204" pitchFamily="34" charset="0"/>
              <a:ea typeface="+mn-ea"/>
              <a:cs typeface="Arial" panose="020B0604020202020204" pitchFamily="34" charset="0"/>
            </a:endParaRPr>
          </a:p>
        </p:txBody>
      </p:sp>
      <p:sp>
        <p:nvSpPr>
          <p:cNvPr id="3" name="Slide Number Placeholder 2">
            <a:extLst>
              <a:ext uri="{FF2B5EF4-FFF2-40B4-BE49-F238E27FC236}">
                <a16:creationId xmlns:a16="http://schemas.microsoft.com/office/drawing/2014/main" id="{878A3379-0080-4C6C-8A5F-25E613D911EB}"/>
              </a:ext>
            </a:extLst>
          </p:cNvPr>
          <p:cNvSpPr>
            <a:spLocks noGrp="1"/>
          </p:cNvSpPr>
          <p:nvPr>
            <p:ph type="sldNum" sz="quarter" idx="12"/>
          </p:nvPr>
        </p:nvSpPr>
        <p:spPr>
          <a:xfrm>
            <a:off x="6714561" y="6578600"/>
            <a:ext cx="2133600" cy="168275"/>
          </a:xfrm>
        </p:spPr>
        <p:txBody>
          <a:bodyPr/>
          <a:lstStyle/>
          <a:p>
            <a:fld id="{B6F15528-21DE-4FAA-801E-634DDDAF4B2B}" type="slidenum">
              <a:rPr lang="en-US" smtClean="0">
                <a:solidFill>
                  <a:schemeClr val="tx1"/>
                </a:solidFill>
              </a:rPr>
              <a:pPr/>
              <a:t>19</a:t>
            </a:fld>
            <a:endParaRPr lang="en-US" dirty="0">
              <a:solidFill>
                <a:schemeClr val="tx1"/>
              </a:solidFill>
            </a:endParaRPr>
          </a:p>
        </p:txBody>
      </p:sp>
      <p:sp>
        <p:nvSpPr>
          <p:cNvPr id="4" name="TextBox 3">
            <a:extLst>
              <a:ext uri="{FF2B5EF4-FFF2-40B4-BE49-F238E27FC236}">
                <a16:creationId xmlns:a16="http://schemas.microsoft.com/office/drawing/2014/main" id="{D1296C74-D94F-47D3-8224-515AB8C003A5}"/>
              </a:ext>
            </a:extLst>
          </p:cNvPr>
          <p:cNvSpPr txBox="1"/>
          <p:nvPr/>
        </p:nvSpPr>
        <p:spPr>
          <a:xfrm>
            <a:off x="457200" y="6096000"/>
            <a:ext cx="7620000" cy="646331"/>
          </a:xfrm>
          <a:prstGeom prst="rect">
            <a:avLst/>
          </a:prstGeom>
          <a:noFill/>
        </p:spPr>
        <p:txBody>
          <a:bodyPr wrap="square" rtlCol="0">
            <a:spAutoFit/>
          </a:bodyPr>
          <a:lstStyle/>
          <a:p>
            <a:r>
              <a:rPr lang="en-US" sz="1200" dirty="0">
                <a:latin typeface="Arial" panose="020B0604020202020204" pitchFamily="34" charset="0"/>
                <a:cs typeface="Arial" panose="020B0604020202020204" pitchFamily="34" charset="0"/>
              </a:rPr>
              <a:t>Note: Percentages refer to Frey and Osborne (2017) estimates on probability of automation. Framework is based on Acemoglu and Autor (2011). </a:t>
            </a:r>
          </a:p>
          <a:p>
            <a:r>
              <a:rPr lang="en-US" sz="1200" dirty="0">
                <a:latin typeface="Arial" panose="020B0604020202020204" pitchFamily="34" charset="0"/>
                <a:cs typeface="Arial" panose="020B0604020202020204" pitchFamily="34" charset="0"/>
              </a:rPr>
              <a:t>Source: </a:t>
            </a:r>
            <a:r>
              <a:rPr lang="en-US" sz="1200" i="1" dirty="0">
                <a:latin typeface="Arial" panose="020B0604020202020204" pitchFamily="34" charset="0"/>
                <a:cs typeface="Arial" panose="020B0604020202020204" pitchFamily="34" charset="0"/>
              </a:rPr>
              <a:t>Asian Development Outlook 2018:</a:t>
            </a:r>
            <a:r>
              <a:rPr lang="en-US" sz="1200" dirty="0">
                <a:latin typeface="Arial" panose="020B0604020202020204" pitchFamily="34" charset="0"/>
                <a:cs typeface="Arial" panose="020B0604020202020204" pitchFamily="34" charset="0"/>
              </a:rPr>
              <a:t> How Technology Affects Jobs.   </a:t>
            </a:r>
          </a:p>
        </p:txBody>
      </p:sp>
      <p:pic>
        <p:nvPicPr>
          <p:cNvPr id="6" name="Picture 5">
            <a:extLst>
              <a:ext uri="{FF2B5EF4-FFF2-40B4-BE49-F238E27FC236}">
                <a16:creationId xmlns:a16="http://schemas.microsoft.com/office/drawing/2014/main" id="{BE54EE52-C01C-4458-9538-84592862C53B}"/>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33400" y="1012171"/>
            <a:ext cx="7543800" cy="5083830"/>
          </a:xfrm>
          <a:prstGeom prst="rect">
            <a:avLst/>
          </a:prstGeom>
        </p:spPr>
      </p:pic>
    </p:spTree>
    <p:extLst>
      <p:ext uri="{BB962C8B-B14F-4D97-AF65-F5344CB8AC3E}">
        <p14:creationId xmlns:p14="http://schemas.microsoft.com/office/powerpoint/2010/main" val="3265879641"/>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6723748" y="6553200"/>
            <a:ext cx="2133600" cy="210479"/>
          </a:xfrm>
        </p:spPr>
        <p:txBody>
          <a:bodyPr/>
          <a:lstStyle/>
          <a:p>
            <a:fld id="{2D2BA73B-819F-4F5C-A415-CC1AB3DC340A}" type="slidenum">
              <a:rPr lang="en-US" smtClean="0">
                <a:solidFill>
                  <a:schemeClr val="tx1"/>
                </a:solidFill>
              </a:rPr>
              <a:pPr/>
              <a:t>2</a:t>
            </a:fld>
            <a:endParaRPr lang="en-US" dirty="0">
              <a:solidFill>
                <a:schemeClr val="tx1"/>
              </a:solidFill>
            </a:endParaRPr>
          </a:p>
        </p:txBody>
      </p:sp>
      <p:sp>
        <p:nvSpPr>
          <p:cNvPr id="5" name="Title 1"/>
          <p:cNvSpPr txBox="1">
            <a:spLocks/>
          </p:cNvSpPr>
          <p:nvPr/>
        </p:nvSpPr>
        <p:spPr>
          <a:xfrm>
            <a:off x="457200" y="762000"/>
            <a:ext cx="8229600" cy="2171540"/>
          </a:xfrm>
          <a:prstGeom prst="rect">
            <a:avLst/>
          </a:prstGeom>
        </p:spPr>
        <p:txBody>
          <a:bodyPr vert="horz" lIns="91440" tIns="45720" rIns="91440" bIns="45720"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US" sz="4000" b="1" dirty="0">
                <a:solidFill>
                  <a:srgbClr val="0070C0"/>
                </a:solidFill>
                <a:latin typeface="Arial" panose="020B0604020202020204" pitchFamily="34" charset="0"/>
                <a:cs typeface="Arial" panose="020B0604020202020204" pitchFamily="34" charset="0"/>
              </a:rPr>
              <a:t>Asian Development Outlook 2018</a:t>
            </a:r>
            <a:br>
              <a:rPr lang="en-US" sz="3600" b="1" dirty="0">
                <a:solidFill>
                  <a:schemeClr val="accent2">
                    <a:lumMod val="75000"/>
                  </a:schemeClr>
                </a:solidFill>
                <a:latin typeface="Arial" panose="020B0604020202020204" pitchFamily="34" charset="0"/>
                <a:cs typeface="Arial" panose="020B0604020202020204" pitchFamily="34" charset="0"/>
              </a:rPr>
            </a:br>
            <a:r>
              <a:rPr lang="en-US" sz="3600" b="1" dirty="0">
                <a:solidFill>
                  <a:srgbClr val="00B050"/>
                </a:solidFill>
                <a:latin typeface="Arial" panose="020B0604020202020204" pitchFamily="34" charset="0"/>
                <a:cs typeface="Arial" panose="020B0604020202020204" pitchFamily="34" charset="0"/>
              </a:rPr>
              <a:t>How Technology Affects Jobs</a:t>
            </a:r>
          </a:p>
        </p:txBody>
      </p:sp>
      <p:sp>
        <p:nvSpPr>
          <p:cNvPr id="6" name="Subtitle 7"/>
          <p:cNvSpPr txBox="1">
            <a:spLocks/>
          </p:cNvSpPr>
          <p:nvPr/>
        </p:nvSpPr>
        <p:spPr>
          <a:xfrm>
            <a:off x="1371600" y="3171940"/>
            <a:ext cx="6400800" cy="1323563"/>
          </a:xfrm>
          <a:prstGeom prst="rect">
            <a:avLst/>
          </a:prstGeom>
        </p:spPr>
        <p:txBody>
          <a:bodyPr vert="horz" lIns="91440" tIns="45720" rIns="91440" bIns="45720" rtlCol="0">
            <a:no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gn="ctr">
              <a:lnSpc>
                <a:spcPct val="120000"/>
              </a:lnSpc>
              <a:buNone/>
            </a:pPr>
            <a:r>
              <a:rPr lang="en-US" altLang="ko-KR" b="1" dirty="0">
                <a:effectLst>
                  <a:outerShdw blurRad="38100" dist="38100" dir="2700000" algn="tl">
                    <a:srgbClr val="000000">
                      <a:alpha val="43137"/>
                    </a:srgbClr>
                  </a:outerShdw>
                </a:effectLst>
                <a:latin typeface="Arial" panose="020B0604020202020204" pitchFamily="34" charset="0"/>
                <a:ea typeface="Gulim" pitchFamily="34" charset="-127"/>
                <a:cs typeface="Arial" panose="020B0604020202020204" pitchFamily="34" charset="0"/>
              </a:rPr>
              <a:t>Juzhong Zhuang</a:t>
            </a:r>
          </a:p>
          <a:p>
            <a:pPr marL="0" indent="0" algn="ctr">
              <a:lnSpc>
                <a:spcPct val="100000"/>
              </a:lnSpc>
              <a:spcBef>
                <a:spcPts val="0"/>
              </a:spcBef>
              <a:buNone/>
            </a:pPr>
            <a:r>
              <a:rPr lang="en-US" altLang="ko-KR" sz="2000" b="1" dirty="0">
                <a:latin typeface="Arial" panose="020B0604020202020204" pitchFamily="34" charset="0"/>
                <a:ea typeface="Gulim" pitchFamily="34" charset="-127"/>
                <a:cs typeface="Arial" panose="020B0604020202020204" pitchFamily="34" charset="0"/>
              </a:rPr>
              <a:t>Deputy Chief Economist</a:t>
            </a:r>
          </a:p>
          <a:p>
            <a:pPr marL="0" indent="0" algn="ctr">
              <a:lnSpc>
                <a:spcPct val="100000"/>
              </a:lnSpc>
              <a:spcBef>
                <a:spcPts val="0"/>
              </a:spcBef>
              <a:buNone/>
            </a:pPr>
            <a:r>
              <a:rPr lang="en-US" altLang="ko-KR" sz="2000" b="1" dirty="0">
                <a:latin typeface="Arial" panose="020B0604020202020204" pitchFamily="34" charset="0"/>
                <a:ea typeface="Gulim" pitchFamily="34" charset="-127"/>
                <a:cs typeface="Arial" panose="020B0604020202020204" pitchFamily="34" charset="0"/>
              </a:rPr>
              <a:t>Asian Development Bank</a:t>
            </a:r>
          </a:p>
          <a:p>
            <a:pPr marL="0" indent="0" algn="ctr">
              <a:lnSpc>
                <a:spcPct val="120000"/>
              </a:lnSpc>
              <a:buNone/>
            </a:pPr>
            <a:endParaRPr lang="en-US" altLang="ko-KR" sz="1050" dirty="0">
              <a:latin typeface="Arial" panose="020B0604020202020204" pitchFamily="34" charset="0"/>
              <a:ea typeface="Gulim" pitchFamily="34" charset="-127"/>
              <a:cs typeface="Arial" panose="020B0604020202020204" pitchFamily="34" charset="0"/>
            </a:endParaRPr>
          </a:p>
        </p:txBody>
      </p:sp>
      <p:sp>
        <p:nvSpPr>
          <p:cNvPr id="9" name="Text Box 4"/>
          <p:cNvSpPr txBox="1">
            <a:spLocks noChangeAspect="1" noChangeArrowheads="1"/>
          </p:cNvSpPr>
          <p:nvPr/>
        </p:nvSpPr>
        <p:spPr bwMode="auto">
          <a:xfrm>
            <a:off x="2051844" y="4877163"/>
            <a:ext cx="5040312" cy="936625"/>
          </a:xfrm>
          <a:prstGeom prst="rect">
            <a:avLst/>
          </a:prstGeom>
          <a:noFill/>
          <a:ln w="12700">
            <a:solidFill>
              <a:srgbClr val="000000"/>
            </a:solidFill>
            <a:miter lim="800000"/>
            <a:headEnd/>
            <a:tailEnd/>
          </a:ln>
        </p:spPr>
        <p:txBody>
          <a:bodyPr anchor="ctr"/>
          <a:lstStyle/>
          <a:p>
            <a:pPr algn="ctr"/>
            <a:r>
              <a:rPr lang="en-US" altLang="ja-JP" sz="1600" dirty="0">
                <a:latin typeface="Arial" panose="020B0604020202020204" pitchFamily="34" charset="0"/>
                <a:ea typeface="ＭＳ 明朝" charset="-128"/>
                <a:cs typeface="Arial" panose="020B0604020202020204" pitchFamily="34" charset="0"/>
              </a:rPr>
              <a:t>April 2018</a:t>
            </a:r>
            <a:endParaRPr lang="en-US" sz="1600"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2615577417"/>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72009EC-3249-426B-9955-B2A95A3355AE}"/>
              </a:ext>
            </a:extLst>
          </p:cNvPr>
          <p:cNvSpPr>
            <a:spLocks noGrp="1"/>
          </p:cNvSpPr>
          <p:nvPr>
            <p:ph type="title"/>
          </p:nvPr>
        </p:nvSpPr>
        <p:spPr>
          <a:xfrm>
            <a:off x="304799" y="54942"/>
            <a:ext cx="8534400" cy="935658"/>
          </a:xfrm>
        </p:spPr>
        <p:txBody>
          <a:bodyPr>
            <a:noAutofit/>
          </a:bodyPr>
          <a:lstStyle/>
          <a:p>
            <a:pPr>
              <a:spcBef>
                <a:spcPct val="20000"/>
              </a:spcBef>
            </a:pPr>
            <a:r>
              <a:rPr lang="en-US" sz="2400" b="1" dirty="0">
                <a:latin typeface="Arial" panose="020B0604020202020204" pitchFamily="34" charset="0"/>
                <a:cs typeface="Arial" panose="020B0604020202020204" pitchFamily="34" charset="0"/>
              </a:rPr>
              <a:t>Industrial robots are concentrated in capital intensive sectors </a:t>
            </a:r>
            <a:r>
              <a:rPr lang="en-US" sz="2400" b="1" dirty="0">
                <a:latin typeface="Arial" panose="020B0604020202020204" pitchFamily="34" charset="0"/>
                <a:ea typeface="+mn-ea"/>
                <a:cs typeface="Arial" panose="020B0604020202020204" pitchFamily="34" charset="0"/>
              </a:rPr>
              <a:t>where employment shares are relatively small</a:t>
            </a:r>
          </a:p>
        </p:txBody>
      </p:sp>
      <p:sp>
        <p:nvSpPr>
          <p:cNvPr id="3" name="Slide Number Placeholder 2">
            <a:extLst>
              <a:ext uri="{FF2B5EF4-FFF2-40B4-BE49-F238E27FC236}">
                <a16:creationId xmlns:a16="http://schemas.microsoft.com/office/drawing/2014/main" id="{66F5E8B0-D854-441B-9C4A-4D7506D89624}"/>
              </a:ext>
            </a:extLst>
          </p:cNvPr>
          <p:cNvSpPr>
            <a:spLocks noGrp="1"/>
          </p:cNvSpPr>
          <p:nvPr>
            <p:ph type="sldNum" sz="quarter" idx="12"/>
          </p:nvPr>
        </p:nvSpPr>
        <p:spPr>
          <a:xfrm>
            <a:off x="6705599" y="6493694"/>
            <a:ext cx="2133600" cy="365125"/>
          </a:xfrm>
        </p:spPr>
        <p:txBody>
          <a:bodyPr/>
          <a:lstStyle/>
          <a:p>
            <a:fld id="{B6F15528-21DE-4FAA-801E-634DDDAF4B2B}" type="slidenum">
              <a:rPr lang="en-US" smtClean="0">
                <a:solidFill>
                  <a:schemeClr val="tx1"/>
                </a:solidFill>
              </a:rPr>
              <a:pPr/>
              <a:t>20</a:t>
            </a:fld>
            <a:endParaRPr lang="en-US">
              <a:solidFill>
                <a:schemeClr val="tx1"/>
              </a:solidFill>
            </a:endParaRPr>
          </a:p>
        </p:txBody>
      </p:sp>
      <p:sp>
        <p:nvSpPr>
          <p:cNvPr id="8" name="TextBox 7">
            <a:extLst>
              <a:ext uri="{FF2B5EF4-FFF2-40B4-BE49-F238E27FC236}">
                <a16:creationId xmlns:a16="http://schemas.microsoft.com/office/drawing/2014/main" id="{B14ED728-7A75-4458-82B4-C895D8A146EB}"/>
              </a:ext>
            </a:extLst>
          </p:cNvPr>
          <p:cNvSpPr txBox="1"/>
          <p:nvPr/>
        </p:nvSpPr>
        <p:spPr>
          <a:xfrm>
            <a:off x="990600" y="6034973"/>
            <a:ext cx="6403304" cy="276999"/>
          </a:xfrm>
          <a:prstGeom prst="rect">
            <a:avLst/>
          </a:prstGeom>
          <a:noFill/>
        </p:spPr>
        <p:txBody>
          <a:bodyPr wrap="square" rtlCol="0">
            <a:spAutoFit/>
          </a:bodyPr>
          <a:lstStyle/>
          <a:p>
            <a:r>
              <a:rPr lang="en-US" sz="1200" dirty="0">
                <a:latin typeface="Arial" panose="020B0604020202020204" pitchFamily="34" charset="0"/>
                <a:cs typeface="Arial" panose="020B0604020202020204" pitchFamily="34" charset="0"/>
              </a:rPr>
              <a:t>Source: </a:t>
            </a:r>
            <a:r>
              <a:rPr lang="en-US" sz="1200" i="1" dirty="0">
                <a:latin typeface="Arial" panose="020B0604020202020204" pitchFamily="34" charset="0"/>
                <a:cs typeface="Arial" panose="020B0604020202020204" pitchFamily="34" charset="0"/>
              </a:rPr>
              <a:t>Asian Development Outlook 2018:</a:t>
            </a:r>
            <a:r>
              <a:rPr lang="en-US" sz="1200" dirty="0">
                <a:latin typeface="Arial" panose="020B0604020202020204" pitchFamily="34" charset="0"/>
                <a:cs typeface="Arial" panose="020B0604020202020204" pitchFamily="34" charset="0"/>
              </a:rPr>
              <a:t> How Technology Affects Jobs. </a:t>
            </a:r>
          </a:p>
        </p:txBody>
      </p:sp>
      <p:pic>
        <p:nvPicPr>
          <p:cNvPr id="9" name="Picture 8">
            <a:extLst>
              <a:ext uri="{FF2B5EF4-FFF2-40B4-BE49-F238E27FC236}">
                <a16:creationId xmlns:a16="http://schemas.microsoft.com/office/drawing/2014/main" id="{FD31C70B-ABEC-4EB3-B4A9-E9A69EF7FE04}"/>
              </a:ext>
            </a:extLst>
          </p:cNvPr>
          <p:cNvPicPr>
            <a:picLocks noChangeAspect="1"/>
          </p:cNvPicPr>
          <p:nvPr/>
        </p:nvPicPr>
        <p:blipFill rotWithShape="1">
          <a:blip r:embed="rId3">
            <a:extLst>
              <a:ext uri="{28A0092B-C50C-407E-A947-70E740481C1C}">
                <a14:useLocalDpi xmlns:a14="http://schemas.microsoft.com/office/drawing/2010/main" val="0"/>
              </a:ext>
            </a:extLst>
          </a:blip>
          <a:srcRect t="57134"/>
          <a:stretch/>
        </p:blipFill>
        <p:spPr>
          <a:xfrm>
            <a:off x="381000" y="1102285"/>
            <a:ext cx="8305800" cy="4750966"/>
          </a:xfrm>
          <a:prstGeom prst="rect">
            <a:avLst/>
          </a:prstGeom>
        </p:spPr>
      </p:pic>
    </p:spTree>
    <p:extLst>
      <p:ext uri="{BB962C8B-B14F-4D97-AF65-F5344CB8AC3E}">
        <p14:creationId xmlns:p14="http://schemas.microsoft.com/office/powerpoint/2010/main" val="296263157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685799" y="1833706"/>
            <a:ext cx="7391399" cy="4186094"/>
          </a:xfrm>
          <a:prstGeom prst="rect">
            <a:avLst/>
          </a:prstGeom>
        </p:spPr>
      </p:pic>
      <p:sp>
        <p:nvSpPr>
          <p:cNvPr id="2" name="Title 1"/>
          <p:cNvSpPr>
            <a:spLocks noGrp="1"/>
          </p:cNvSpPr>
          <p:nvPr>
            <p:ph type="title"/>
          </p:nvPr>
        </p:nvSpPr>
        <p:spPr>
          <a:xfrm>
            <a:off x="228600" y="274638"/>
            <a:ext cx="8534400" cy="1143000"/>
          </a:xfrm>
        </p:spPr>
        <p:txBody>
          <a:bodyPr/>
          <a:lstStyle/>
          <a:p>
            <a:r>
              <a:rPr lang="en-US" sz="3200" b="1" dirty="0">
                <a:latin typeface="Arial" panose="020B0604020202020204" pitchFamily="34" charset="0"/>
                <a:cs typeface="Arial" panose="020B0604020202020204" pitchFamily="34" charset="0"/>
              </a:rPr>
              <a:t>Rising demand offsets displacement driven by automation</a:t>
            </a:r>
          </a:p>
        </p:txBody>
      </p:sp>
      <p:sp>
        <p:nvSpPr>
          <p:cNvPr id="5" name="TextBox 4"/>
          <p:cNvSpPr txBox="1"/>
          <p:nvPr/>
        </p:nvSpPr>
        <p:spPr>
          <a:xfrm>
            <a:off x="562234" y="5875594"/>
            <a:ext cx="7514965" cy="769441"/>
          </a:xfrm>
          <a:prstGeom prst="rect">
            <a:avLst/>
          </a:prstGeom>
          <a:noFill/>
        </p:spPr>
        <p:txBody>
          <a:bodyPr wrap="square" rtlCol="0">
            <a:spAutoFit/>
          </a:bodyPr>
          <a:lstStyle/>
          <a:p>
            <a:r>
              <a:rPr lang="en-US" sz="1100" dirty="0">
                <a:latin typeface="Arial" panose="020B0604020202020204" pitchFamily="34" charset="0"/>
                <a:cs typeface="Arial" panose="020B0604020202020204" pitchFamily="34" charset="0"/>
              </a:rPr>
              <a:t>Note: Developing Asia in the decomposition analysis includes Bangladesh, India, Indonesia, Malaysia, Mongolia, the People’s Republic of China, the Philippines, the Republic of Korea, Sri Lanka, </a:t>
            </a:r>
            <a:r>
              <a:rPr lang="en-US" sz="1100" dirty="0" err="1">
                <a:latin typeface="Arial" panose="020B0604020202020204" pitchFamily="34" charset="0"/>
                <a:cs typeface="Arial" panose="020B0604020202020204" pitchFamily="34" charset="0"/>
              </a:rPr>
              <a:t>Taipei,China</a:t>
            </a:r>
            <a:r>
              <a:rPr lang="en-US" sz="1100" dirty="0">
                <a:latin typeface="Arial" panose="020B0604020202020204" pitchFamily="34" charset="0"/>
                <a:cs typeface="Arial" panose="020B0604020202020204" pitchFamily="34" charset="0"/>
              </a:rPr>
              <a:t>, Thailand, and Viet Nam. </a:t>
            </a:r>
          </a:p>
          <a:p>
            <a:r>
              <a:rPr lang="en-US" sz="1100" dirty="0">
                <a:latin typeface="Arial" panose="020B0604020202020204" pitchFamily="34" charset="0"/>
                <a:cs typeface="Arial" panose="020B0604020202020204" pitchFamily="34" charset="0"/>
              </a:rPr>
              <a:t>Sources: Decomposition result using ADB Multiregional Input–Output Database (accessed 20 November 2017); Labor force surveys, various countries; World Input–Output Database—Socioeconomic Accounts (</a:t>
            </a:r>
            <a:r>
              <a:rPr lang="en-US" sz="1100" dirty="0" err="1">
                <a:latin typeface="Arial" panose="020B0604020202020204" pitchFamily="34" charset="0"/>
                <a:cs typeface="Arial" panose="020B0604020202020204" pitchFamily="34" charset="0"/>
              </a:rPr>
              <a:t>Timmer</a:t>
            </a:r>
            <a:r>
              <a:rPr lang="en-US" sz="1100" dirty="0">
                <a:latin typeface="Arial" panose="020B0604020202020204" pitchFamily="34" charset="0"/>
                <a:cs typeface="Arial" panose="020B0604020202020204" pitchFamily="34" charset="0"/>
              </a:rPr>
              <a:t> et al. 2015).</a:t>
            </a:r>
          </a:p>
        </p:txBody>
      </p:sp>
      <p:sp>
        <p:nvSpPr>
          <p:cNvPr id="4" name="TextBox 3">
            <a:extLst>
              <a:ext uri="{FF2B5EF4-FFF2-40B4-BE49-F238E27FC236}">
                <a16:creationId xmlns:a16="http://schemas.microsoft.com/office/drawing/2014/main" id="{0F1E2F1D-1E84-48A1-81D0-C97250B685A8}"/>
              </a:ext>
            </a:extLst>
          </p:cNvPr>
          <p:cNvSpPr txBox="1"/>
          <p:nvPr/>
        </p:nvSpPr>
        <p:spPr>
          <a:xfrm>
            <a:off x="942979" y="1544027"/>
            <a:ext cx="7363075" cy="369332"/>
          </a:xfrm>
          <a:prstGeom prst="rect">
            <a:avLst/>
          </a:prstGeom>
          <a:noFill/>
        </p:spPr>
        <p:txBody>
          <a:bodyPr wrap="square" rtlCol="0">
            <a:spAutoFit/>
          </a:bodyPr>
          <a:lstStyle/>
          <a:p>
            <a:pPr algn="ctr"/>
            <a:r>
              <a:rPr lang="en-US" b="1" dirty="0">
                <a:solidFill>
                  <a:srgbClr val="0070C0"/>
                </a:solidFill>
                <a:latin typeface="Arial" panose="020B0604020202020204" pitchFamily="34" charset="0"/>
                <a:cs typeface="Arial" panose="020B0604020202020204" pitchFamily="34" charset="0"/>
              </a:rPr>
              <a:t>Decomposing the percentage change in employment, 2005-2015</a:t>
            </a:r>
          </a:p>
        </p:txBody>
      </p:sp>
    </p:spTree>
    <p:extLst>
      <p:ext uri="{BB962C8B-B14F-4D97-AF65-F5344CB8AC3E}">
        <p14:creationId xmlns:p14="http://schemas.microsoft.com/office/powerpoint/2010/main" val="5897237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7" name="Group 16"/>
          <p:cNvGrpSpPr/>
          <p:nvPr/>
        </p:nvGrpSpPr>
        <p:grpSpPr>
          <a:xfrm>
            <a:off x="304800" y="1737774"/>
            <a:ext cx="8564517" cy="3748626"/>
            <a:chOff x="304800" y="1737774"/>
            <a:chExt cx="8564517" cy="3394390"/>
          </a:xfrm>
        </p:grpSpPr>
        <p:pic>
          <p:nvPicPr>
            <p:cNvPr id="15" name="Picture 14"/>
            <p:cNvPicPr>
              <a:picLocks noChangeAspect="1"/>
            </p:cNvPicPr>
            <p:nvPr/>
          </p:nvPicPr>
          <p:blipFill>
            <a:blip r:embed="rId3"/>
            <a:stretch>
              <a:fillRect/>
            </a:stretch>
          </p:blipFill>
          <p:spPr>
            <a:xfrm>
              <a:off x="304800" y="1737774"/>
              <a:ext cx="8564517" cy="3394390"/>
            </a:xfrm>
            <a:prstGeom prst="rect">
              <a:avLst/>
            </a:prstGeom>
          </p:spPr>
        </p:pic>
        <p:pic>
          <p:nvPicPr>
            <p:cNvPr id="16" name="Picture 1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66947" y="1737774"/>
              <a:ext cx="8040222" cy="371527"/>
            </a:xfrm>
            <a:prstGeom prst="rect">
              <a:avLst/>
            </a:prstGeom>
          </p:spPr>
        </p:pic>
      </p:grpSp>
      <p:sp>
        <p:nvSpPr>
          <p:cNvPr id="3" name="Title 2">
            <a:extLst>
              <a:ext uri="{FF2B5EF4-FFF2-40B4-BE49-F238E27FC236}">
                <a16:creationId xmlns:a16="http://schemas.microsoft.com/office/drawing/2014/main" id="{1869C726-B1C2-4EC8-9834-01AC3A4EE1FF}"/>
              </a:ext>
            </a:extLst>
          </p:cNvPr>
          <p:cNvSpPr>
            <a:spLocks noGrp="1"/>
          </p:cNvSpPr>
          <p:nvPr>
            <p:ph type="title"/>
          </p:nvPr>
        </p:nvSpPr>
        <p:spPr>
          <a:xfrm>
            <a:off x="228600" y="152400"/>
            <a:ext cx="8669270" cy="1143000"/>
          </a:xfrm>
        </p:spPr>
        <p:txBody>
          <a:bodyPr/>
          <a:lstStyle/>
          <a:p>
            <a:r>
              <a:rPr lang="en-US" sz="3200" b="1" dirty="0">
                <a:latin typeface="Arial" panose="020B0604020202020204" pitchFamily="34" charset="0"/>
                <a:cs typeface="Arial" panose="020B0604020202020204" pitchFamily="34" charset="0"/>
              </a:rPr>
              <a:t>This countervailing force is at work across the region</a:t>
            </a:r>
          </a:p>
        </p:txBody>
      </p:sp>
      <p:sp>
        <p:nvSpPr>
          <p:cNvPr id="2" name="TextBox 1">
            <a:extLst>
              <a:ext uri="{FF2B5EF4-FFF2-40B4-BE49-F238E27FC236}">
                <a16:creationId xmlns:a16="http://schemas.microsoft.com/office/drawing/2014/main" id="{86FEF1B0-5A57-40CC-9692-ED6534523172}"/>
              </a:ext>
            </a:extLst>
          </p:cNvPr>
          <p:cNvSpPr txBox="1"/>
          <p:nvPr/>
        </p:nvSpPr>
        <p:spPr>
          <a:xfrm>
            <a:off x="2575995" y="1400453"/>
            <a:ext cx="3962400" cy="369332"/>
          </a:xfrm>
          <a:prstGeom prst="rect">
            <a:avLst/>
          </a:prstGeom>
          <a:noFill/>
        </p:spPr>
        <p:txBody>
          <a:bodyPr wrap="square" rtlCol="0">
            <a:spAutoFit/>
          </a:bodyPr>
          <a:lstStyle/>
          <a:p>
            <a:pPr algn="ctr"/>
            <a:r>
              <a:rPr lang="en-US" b="1" dirty="0">
                <a:solidFill>
                  <a:schemeClr val="accent6">
                    <a:lumMod val="75000"/>
                  </a:schemeClr>
                </a:solidFill>
                <a:latin typeface="Arial" panose="020B0604020202020204" pitchFamily="34" charset="0"/>
                <a:cs typeface="Arial" panose="020B0604020202020204" pitchFamily="34" charset="0"/>
              </a:rPr>
              <a:t>Manufacturing</a:t>
            </a:r>
          </a:p>
        </p:txBody>
      </p:sp>
      <p:sp>
        <p:nvSpPr>
          <p:cNvPr id="7" name="TextBox 6"/>
          <p:cNvSpPr txBox="1"/>
          <p:nvPr/>
        </p:nvSpPr>
        <p:spPr>
          <a:xfrm>
            <a:off x="228600" y="5424422"/>
            <a:ext cx="7806565" cy="1061829"/>
          </a:xfrm>
          <a:prstGeom prst="rect">
            <a:avLst/>
          </a:prstGeom>
          <a:noFill/>
        </p:spPr>
        <p:txBody>
          <a:bodyPr wrap="square" rtlCol="0">
            <a:spAutoFit/>
          </a:bodyPr>
          <a:lstStyle/>
          <a:p>
            <a:r>
              <a:rPr lang="en-US" sz="1100" dirty="0">
                <a:latin typeface="Arial" panose="020B0604020202020204" pitchFamily="34" charset="0"/>
                <a:cs typeface="Arial" panose="020B0604020202020204" pitchFamily="34" charset="0"/>
              </a:rPr>
              <a:t>GVC = global value chain, PRC = People’s Republic of China.</a:t>
            </a:r>
          </a:p>
          <a:p>
            <a:endParaRPr lang="en-US" sz="400" dirty="0">
              <a:latin typeface="Arial" panose="020B0604020202020204" pitchFamily="34" charset="0"/>
              <a:cs typeface="Arial" panose="020B0604020202020204" pitchFamily="34" charset="0"/>
            </a:endParaRPr>
          </a:p>
          <a:p>
            <a:r>
              <a:rPr lang="en-US" sz="1100" dirty="0">
                <a:latin typeface="Arial" panose="020B0604020202020204" pitchFamily="34" charset="0"/>
                <a:cs typeface="Arial" panose="020B0604020202020204" pitchFamily="34" charset="0"/>
              </a:rPr>
              <a:t>Note: Developing Asia in the decomposition analysis includes Bangladesh, India, Indonesia, Malaysia, Mongolia, the People’s Republic of China, the Philippines, the Republic of Korea, Sri Lanka, </a:t>
            </a:r>
            <a:r>
              <a:rPr lang="en-US" sz="1100" dirty="0" err="1">
                <a:latin typeface="Arial" panose="020B0604020202020204" pitchFamily="34" charset="0"/>
                <a:cs typeface="Arial" panose="020B0604020202020204" pitchFamily="34" charset="0"/>
              </a:rPr>
              <a:t>Taipei,China</a:t>
            </a:r>
            <a:r>
              <a:rPr lang="en-US" sz="1100" dirty="0">
                <a:latin typeface="Arial" panose="020B0604020202020204" pitchFamily="34" charset="0"/>
                <a:cs typeface="Arial" panose="020B0604020202020204" pitchFamily="34" charset="0"/>
              </a:rPr>
              <a:t>, Thailand, and Viet Nam.</a:t>
            </a:r>
          </a:p>
          <a:p>
            <a:endParaRPr lang="en-US" sz="400" dirty="0">
              <a:latin typeface="Arial" panose="020B0604020202020204" pitchFamily="34" charset="0"/>
              <a:cs typeface="Arial" panose="020B0604020202020204" pitchFamily="34" charset="0"/>
            </a:endParaRPr>
          </a:p>
          <a:p>
            <a:r>
              <a:rPr lang="en-US" sz="1100" dirty="0">
                <a:latin typeface="Arial" panose="020B0604020202020204" pitchFamily="34" charset="0"/>
                <a:cs typeface="Arial" panose="020B0604020202020204" pitchFamily="34" charset="0"/>
              </a:rPr>
              <a:t>Source: ADB estimates using the ADB Multiregional Input–Output Database (accessed 20 November 2017); Labor force surveys, various countries; World Input–Output Database—Socioeconomic Accounts (</a:t>
            </a:r>
            <a:r>
              <a:rPr lang="en-US" sz="1100" dirty="0" err="1">
                <a:latin typeface="Arial" panose="020B0604020202020204" pitchFamily="34" charset="0"/>
                <a:cs typeface="Arial" panose="020B0604020202020204" pitchFamily="34" charset="0"/>
              </a:rPr>
              <a:t>Timmer</a:t>
            </a:r>
            <a:r>
              <a:rPr lang="en-US" sz="1100" dirty="0">
                <a:latin typeface="Arial" panose="020B0604020202020204" pitchFamily="34" charset="0"/>
                <a:cs typeface="Arial" panose="020B0604020202020204" pitchFamily="34" charset="0"/>
              </a:rPr>
              <a:t> et al. 2015).</a:t>
            </a:r>
          </a:p>
        </p:txBody>
      </p:sp>
    </p:spTree>
    <p:extLst>
      <p:ext uri="{BB962C8B-B14F-4D97-AF65-F5344CB8AC3E}">
        <p14:creationId xmlns:p14="http://schemas.microsoft.com/office/powerpoint/2010/main" val="111388960"/>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C15764D-4BD2-49B5-8408-01BA18EB7623}"/>
              </a:ext>
            </a:extLst>
          </p:cNvPr>
          <p:cNvSpPr>
            <a:spLocks noGrp="1"/>
          </p:cNvSpPr>
          <p:nvPr>
            <p:ph type="title"/>
          </p:nvPr>
        </p:nvSpPr>
        <p:spPr>
          <a:xfrm>
            <a:off x="5057183" y="76200"/>
            <a:ext cx="3836893" cy="2412743"/>
          </a:xfrm>
        </p:spPr>
        <p:txBody>
          <a:bodyPr>
            <a:noAutofit/>
          </a:bodyPr>
          <a:lstStyle/>
          <a:p>
            <a:pPr>
              <a:spcBef>
                <a:spcPct val="20000"/>
              </a:spcBef>
            </a:pPr>
            <a:r>
              <a:rPr lang="en-US" sz="2800" b="1" dirty="0">
                <a:latin typeface="Arial" panose="020B0604020202020204" pitchFamily="34" charset="0"/>
                <a:ea typeface="+mn-ea"/>
                <a:cs typeface="Arial" panose="020B0604020202020204" pitchFamily="34" charset="0"/>
              </a:rPr>
              <a:t>Technology leads to new occupations… </a:t>
            </a:r>
            <a:br>
              <a:rPr lang="en-US" sz="2600" b="1" dirty="0">
                <a:latin typeface="Arial" panose="020B0604020202020204" pitchFamily="34" charset="0"/>
                <a:cs typeface="Arial" panose="020B0604020202020204" pitchFamily="34" charset="0"/>
              </a:rPr>
            </a:br>
            <a:r>
              <a:rPr lang="en-US" sz="2600" b="1" dirty="0">
                <a:solidFill>
                  <a:schemeClr val="accent6"/>
                </a:solidFill>
                <a:latin typeface="Arial" panose="020B0604020202020204" pitchFamily="34" charset="0"/>
                <a:ea typeface="+mn-ea"/>
                <a:cs typeface="Arial" panose="020B0604020202020204" pitchFamily="34" charset="0"/>
              </a:rPr>
              <a:t>but these tend to be in non-routine cognitive category </a:t>
            </a:r>
          </a:p>
        </p:txBody>
      </p:sp>
      <p:sp>
        <p:nvSpPr>
          <p:cNvPr id="3" name="Slide Number Placeholder 2">
            <a:extLst>
              <a:ext uri="{FF2B5EF4-FFF2-40B4-BE49-F238E27FC236}">
                <a16:creationId xmlns:a16="http://schemas.microsoft.com/office/drawing/2014/main" id="{4486630D-111F-4316-A67C-FF165568F284}"/>
              </a:ext>
            </a:extLst>
          </p:cNvPr>
          <p:cNvSpPr>
            <a:spLocks noGrp="1"/>
          </p:cNvSpPr>
          <p:nvPr>
            <p:ph type="sldNum" sz="quarter" idx="12"/>
          </p:nvPr>
        </p:nvSpPr>
        <p:spPr>
          <a:xfrm>
            <a:off x="6729655" y="6541533"/>
            <a:ext cx="2133599" cy="266690"/>
          </a:xfrm>
        </p:spPr>
        <p:txBody>
          <a:bodyPr/>
          <a:lstStyle/>
          <a:p>
            <a:fld id="{B6F15528-21DE-4FAA-801E-634DDDAF4B2B}" type="slidenum">
              <a:rPr lang="en-US" smtClean="0">
                <a:solidFill>
                  <a:schemeClr val="tx1"/>
                </a:solidFill>
              </a:rPr>
              <a:pPr/>
              <a:t>23</a:t>
            </a:fld>
            <a:endParaRPr lang="en-US" dirty="0">
              <a:solidFill>
                <a:schemeClr val="tx1"/>
              </a:solidFill>
            </a:endParaRPr>
          </a:p>
        </p:txBody>
      </p:sp>
      <p:sp>
        <p:nvSpPr>
          <p:cNvPr id="4" name="TextBox 3">
            <a:extLst>
              <a:ext uri="{FF2B5EF4-FFF2-40B4-BE49-F238E27FC236}">
                <a16:creationId xmlns:a16="http://schemas.microsoft.com/office/drawing/2014/main" id="{3AAD93E0-15AF-43A6-B4C4-3F694F3A7EFA}"/>
              </a:ext>
            </a:extLst>
          </p:cNvPr>
          <p:cNvSpPr txBox="1"/>
          <p:nvPr/>
        </p:nvSpPr>
        <p:spPr>
          <a:xfrm>
            <a:off x="127572" y="6350912"/>
            <a:ext cx="7772400" cy="430887"/>
          </a:xfrm>
          <a:prstGeom prst="rect">
            <a:avLst/>
          </a:prstGeom>
          <a:noFill/>
        </p:spPr>
        <p:txBody>
          <a:bodyPr wrap="square" rtlCol="0">
            <a:spAutoFit/>
          </a:bodyPr>
          <a:lstStyle/>
          <a:p>
            <a:r>
              <a:rPr lang="en-US" sz="1100" dirty="0">
                <a:latin typeface="Arial" panose="020B0604020202020204" pitchFamily="34" charset="0"/>
                <a:cs typeface="Arial" panose="020B0604020202020204" pitchFamily="34" charset="0"/>
              </a:rPr>
              <a:t>Notes: The figures are based on a comparison of National Classification of Occupations (NCO) for each country. </a:t>
            </a:r>
          </a:p>
          <a:p>
            <a:r>
              <a:rPr lang="en-US" sz="1100" dirty="0">
                <a:latin typeface="Arial" panose="020B0604020202020204" pitchFamily="34" charset="0"/>
                <a:cs typeface="Arial" panose="020B0604020202020204" pitchFamily="34" charset="0"/>
              </a:rPr>
              <a:t>Source: </a:t>
            </a:r>
            <a:r>
              <a:rPr lang="en-US" sz="1100" i="1" dirty="0">
                <a:latin typeface="Arial" panose="020B0604020202020204" pitchFamily="34" charset="0"/>
                <a:cs typeface="Arial" panose="020B0604020202020204" pitchFamily="34" charset="0"/>
              </a:rPr>
              <a:t>Asian Development Outlook 2018:</a:t>
            </a:r>
            <a:r>
              <a:rPr lang="en-US" sz="1100" dirty="0">
                <a:latin typeface="Arial" panose="020B0604020202020204" pitchFamily="34" charset="0"/>
                <a:cs typeface="Arial" panose="020B0604020202020204" pitchFamily="34" charset="0"/>
              </a:rPr>
              <a:t> How Technology Affects Jobs</a:t>
            </a:r>
          </a:p>
        </p:txBody>
      </p:sp>
      <p:pic>
        <p:nvPicPr>
          <p:cNvPr id="6" name="Picture 5">
            <a:extLst>
              <a:ext uri="{FF2B5EF4-FFF2-40B4-BE49-F238E27FC236}">
                <a16:creationId xmlns:a16="http://schemas.microsoft.com/office/drawing/2014/main" id="{67058D0E-D43D-4189-8ABA-A650193C128D}"/>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27572" y="76200"/>
            <a:ext cx="4659926" cy="5917571"/>
          </a:xfrm>
          <a:prstGeom prst="rect">
            <a:avLst/>
          </a:prstGeom>
        </p:spPr>
      </p:pic>
      <p:graphicFrame>
        <p:nvGraphicFramePr>
          <p:cNvPr id="5" name="Table 4">
            <a:extLst>
              <a:ext uri="{FF2B5EF4-FFF2-40B4-BE49-F238E27FC236}">
                <a16:creationId xmlns:a16="http://schemas.microsoft.com/office/drawing/2014/main" id="{664AF9EE-5563-4515-8377-B81E27BBAD6C}"/>
              </a:ext>
            </a:extLst>
          </p:cNvPr>
          <p:cNvGraphicFramePr>
            <a:graphicFrameLocks noGrp="1"/>
          </p:cNvGraphicFramePr>
          <p:nvPr>
            <p:extLst/>
          </p:nvPr>
        </p:nvGraphicFramePr>
        <p:xfrm>
          <a:off x="4876801" y="3124200"/>
          <a:ext cx="4139628" cy="2869571"/>
        </p:xfrm>
        <a:graphic>
          <a:graphicData uri="http://schemas.openxmlformats.org/drawingml/2006/table">
            <a:tbl>
              <a:tblPr firstRow="1" firstCol="1" bandRow="1">
                <a:tableStyleId>{5C22544A-7EE6-4342-B048-85BDC9FD1C3A}</a:tableStyleId>
              </a:tblPr>
              <a:tblGrid>
                <a:gridCol w="1048729">
                  <a:extLst>
                    <a:ext uri="{9D8B030D-6E8A-4147-A177-3AD203B41FA5}">
                      <a16:colId xmlns:a16="http://schemas.microsoft.com/office/drawing/2014/main" val="695145160"/>
                    </a:ext>
                  </a:extLst>
                </a:gridCol>
                <a:gridCol w="1019646">
                  <a:extLst>
                    <a:ext uri="{9D8B030D-6E8A-4147-A177-3AD203B41FA5}">
                      <a16:colId xmlns:a16="http://schemas.microsoft.com/office/drawing/2014/main" val="2042646466"/>
                    </a:ext>
                  </a:extLst>
                </a:gridCol>
                <a:gridCol w="1087407">
                  <a:extLst>
                    <a:ext uri="{9D8B030D-6E8A-4147-A177-3AD203B41FA5}">
                      <a16:colId xmlns:a16="http://schemas.microsoft.com/office/drawing/2014/main" val="364219172"/>
                    </a:ext>
                  </a:extLst>
                </a:gridCol>
                <a:gridCol w="983846">
                  <a:extLst>
                    <a:ext uri="{9D8B030D-6E8A-4147-A177-3AD203B41FA5}">
                      <a16:colId xmlns:a16="http://schemas.microsoft.com/office/drawing/2014/main" val="217970210"/>
                    </a:ext>
                  </a:extLst>
                </a:gridCol>
              </a:tblGrid>
              <a:tr h="1397458">
                <a:tc>
                  <a:txBody>
                    <a:bodyPr/>
                    <a:lstStyle/>
                    <a:p>
                      <a:pPr marL="0" marR="0">
                        <a:lnSpc>
                          <a:spcPct val="107000"/>
                        </a:lnSpc>
                        <a:spcBef>
                          <a:spcPts val="0"/>
                        </a:spcBef>
                        <a:spcAft>
                          <a:spcPts val="0"/>
                        </a:spcAft>
                      </a:pPr>
                      <a:r>
                        <a:rPr lang="en-US" sz="1400" dirty="0">
                          <a:effectLst/>
                        </a:rPr>
                        <a:t> </a:t>
                      </a:r>
                      <a:endParaRPr lang="en-US" sz="14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dirty="0">
                          <a:effectLst/>
                        </a:rPr>
                        <a:t>Total No. of Job Titles (latest year)</a:t>
                      </a:r>
                      <a:endParaRPr lang="en-US" sz="14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dirty="0">
                          <a:effectLst/>
                        </a:rPr>
                        <a:t>No. of New Job Titles</a:t>
                      </a:r>
                      <a:endParaRPr lang="en-US" sz="14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dirty="0">
                          <a:effectLst/>
                        </a:rPr>
                        <a:t>Share of New Job Titles </a:t>
                      </a:r>
                      <a:endParaRPr lang="en-US" sz="14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2278114704"/>
                  </a:ext>
                </a:extLst>
              </a:tr>
              <a:tr h="358340">
                <a:tc>
                  <a:txBody>
                    <a:bodyPr/>
                    <a:lstStyle/>
                    <a:p>
                      <a:pPr marL="0" marR="0">
                        <a:lnSpc>
                          <a:spcPct val="107000"/>
                        </a:lnSpc>
                        <a:spcBef>
                          <a:spcPts val="0"/>
                        </a:spcBef>
                        <a:spcAft>
                          <a:spcPts val="0"/>
                        </a:spcAft>
                      </a:pPr>
                      <a:r>
                        <a:rPr lang="en-US" sz="1400" dirty="0">
                          <a:effectLst/>
                        </a:rPr>
                        <a:t>India</a:t>
                      </a:r>
                    </a:p>
                    <a:p>
                      <a:pPr marL="0" marR="0">
                        <a:lnSpc>
                          <a:spcPct val="107000"/>
                        </a:lnSpc>
                        <a:spcBef>
                          <a:spcPts val="0"/>
                        </a:spcBef>
                        <a:spcAft>
                          <a:spcPts val="0"/>
                        </a:spcAft>
                      </a:pPr>
                      <a:r>
                        <a:rPr lang="en-US" sz="1400" dirty="0">
                          <a:effectLst/>
                          <a:latin typeface="Calibri" panose="020F0502020204030204" pitchFamily="34" charset="0"/>
                          <a:ea typeface="Calibri" panose="020F0502020204030204" pitchFamily="34" charset="0"/>
                          <a:cs typeface="Times New Roman" panose="02020603050405020304" pitchFamily="18" charset="0"/>
                        </a:rPr>
                        <a:t>2004-2015</a:t>
                      </a:r>
                    </a:p>
                  </a:txBody>
                  <a:tcPr marL="68580" marR="68580" marT="0" marB="0"/>
                </a:tc>
                <a:tc>
                  <a:txBody>
                    <a:bodyPr/>
                    <a:lstStyle/>
                    <a:p>
                      <a:pPr marL="0" marR="0">
                        <a:lnSpc>
                          <a:spcPct val="107000"/>
                        </a:lnSpc>
                        <a:spcBef>
                          <a:spcPts val="0"/>
                        </a:spcBef>
                        <a:spcAft>
                          <a:spcPts val="0"/>
                        </a:spcAft>
                      </a:pPr>
                      <a:r>
                        <a:rPr lang="en-US" sz="1400">
                          <a:effectLst/>
                        </a:rPr>
                        <a:t>3,600</a:t>
                      </a:r>
                      <a:endParaRPr lang="en-US" sz="14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dirty="0">
                          <a:effectLst/>
                        </a:rPr>
                        <a:t>120</a:t>
                      </a:r>
                      <a:endParaRPr lang="en-US" sz="14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a:effectLst/>
                        </a:rPr>
                        <a:t>3.33%</a:t>
                      </a:r>
                      <a:endParaRPr lang="en-US" sz="14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1504033535"/>
                  </a:ext>
                </a:extLst>
              </a:tr>
              <a:tr h="558983">
                <a:tc>
                  <a:txBody>
                    <a:bodyPr/>
                    <a:lstStyle/>
                    <a:p>
                      <a:pPr marL="0" marR="0">
                        <a:lnSpc>
                          <a:spcPct val="107000"/>
                        </a:lnSpc>
                        <a:spcBef>
                          <a:spcPts val="0"/>
                        </a:spcBef>
                        <a:spcAft>
                          <a:spcPts val="0"/>
                        </a:spcAft>
                      </a:pPr>
                      <a:r>
                        <a:rPr lang="en-US" sz="1400" dirty="0">
                          <a:effectLst/>
                        </a:rPr>
                        <a:t>Malaysia</a:t>
                      </a:r>
                    </a:p>
                    <a:p>
                      <a:pPr marL="0" marR="0">
                        <a:lnSpc>
                          <a:spcPct val="107000"/>
                        </a:lnSpc>
                        <a:spcBef>
                          <a:spcPts val="0"/>
                        </a:spcBef>
                        <a:spcAft>
                          <a:spcPts val="0"/>
                        </a:spcAft>
                      </a:pPr>
                      <a:r>
                        <a:rPr lang="en-US" sz="1400" dirty="0">
                          <a:effectLst/>
                          <a:latin typeface="Calibri" panose="020F0502020204030204" pitchFamily="34" charset="0"/>
                          <a:ea typeface="Calibri" panose="020F0502020204030204" pitchFamily="34" charset="0"/>
                          <a:cs typeface="Times New Roman" panose="02020603050405020304" pitchFamily="18" charset="0"/>
                        </a:rPr>
                        <a:t>1998-2008</a:t>
                      </a:r>
                    </a:p>
                  </a:txBody>
                  <a:tcPr marL="68580" marR="68580" marT="0" marB="0"/>
                </a:tc>
                <a:tc>
                  <a:txBody>
                    <a:bodyPr/>
                    <a:lstStyle/>
                    <a:p>
                      <a:pPr marL="0" marR="0">
                        <a:lnSpc>
                          <a:spcPct val="107000"/>
                        </a:lnSpc>
                        <a:spcBef>
                          <a:spcPts val="0"/>
                        </a:spcBef>
                        <a:spcAft>
                          <a:spcPts val="0"/>
                        </a:spcAft>
                      </a:pPr>
                      <a:r>
                        <a:rPr lang="en-US" sz="1400">
                          <a:effectLst/>
                        </a:rPr>
                        <a:t>2,338</a:t>
                      </a:r>
                      <a:endParaRPr lang="en-US" sz="14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a:effectLst/>
                        </a:rPr>
                        <a:t>28</a:t>
                      </a:r>
                      <a:endParaRPr lang="en-US" sz="14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a:effectLst/>
                        </a:rPr>
                        <a:t>1.20%</a:t>
                      </a:r>
                    </a:p>
                    <a:p>
                      <a:pPr marL="0" marR="0">
                        <a:lnSpc>
                          <a:spcPct val="107000"/>
                        </a:lnSpc>
                        <a:spcBef>
                          <a:spcPts val="0"/>
                        </a:spcBef>
                        <a:spcAft>
                          <a:spcPts val="0"/>
                        </a:spcAft>
                      </a:pPr>
                      <a:r>
                        <a:rPr lang="en-US" sz="1400">
                          <a:effectLst/>
                        </a:rPr>
                        <a:t> </a:t>
                      </a:r>
                      <a:endParaRPr lang="en-US" sz="14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3115243166"/>
                  </a:ext>
                </a:extLst>
              </a:tr>
              <a:tr h="345887">
                <a:tc>
                  <a:txBody>
                    <a:bodyPr/>
                    <a:lstStyle/>
                    <a:p>
                      <a:pPr marL="0" marR="0">
                        <a:lnSpc>
                          <a:spcPct val="107000"/>
                        </a:lnSpc>
                        <a:spcBef>
                          <a:spcPts val="0"/>
                        </a:spcBef>
                        <a:spcAft>
                          <a:spcPts val="0"/>
                        </a:spcAft>
                      </a:pPr>
                      <a:r>
                        <a:rPr lang="en-US" sz="1400" dirty="0">
                          <a:effectLst/>
                        </a:rPr>
                        <a:t>Philippines</a:t>
                      </a:r>
                    </a:p>
                    <a:p>
                      <a:pPr marL="0" marR="0">
                        <a:lnSpc>
                          <a:spcPct val="107000"/>
                        </a:lnSpc>
                        <a:spcBef>
                          <a:spcPts val="0"/>
                        </a:spcBef>
                        <a:spcAft>
                          <a:spcPts val="0"/>
                        </a:spcAft>
                      </a:pPr>
                      <a:r>
                        <a:rPr lang="en-US" sz="1400" dirty="0">
                          <a:effectLst/>
                        </a:rPr>
                        <a:t>1990-2012 </a:t>
                      </a:r>
                      <a:endParaRPr lang="en-US" sz="14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a:effectLst/>
                        </a:rPr>
                        <a:t>3,698</a:t>
                      </a:r>
                      <a:endParaRPr lang="en-US" sz="14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a:effectLst/>
                        </a:rPr>
                        <a:t>42</a:t>
                      </a:r>
                      <a:endParaRPr lang="en-US" sz="14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marL="0" marR="0">
                        <a:lnSpc>
                          <a:spcPct val="107000"/>
                        </a:lnSpc>
                        <a:spcBef>
                          <a:spcPts val="0"/>
                        </a:spcBef>
                        <a:spcAft>
                          <a:spcPts val="0"/>
                        </a:spcAft>
                      </a:pPr>
                      <a:r>
                        <a:rPr lang="en-US" sz="1400" dirty="0">
                          <a:effectLst/>
                        </a:rPr>
                        <a:t>1.14%</a:t>
                      </a:r>
                      <a:endParaRPr lang="en-US" sz="14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2303682920"/>
                  </a:ext>
                </a:extLst>
              </a:tr>
            </a:tbl>
          </a:graphicData>
        </a:graphic>
      </p:graphicFrame>
      <p:sp>
        <p:nvSpPr>
          <p:cNvPr id="7" name="TextBox 6">
            <a:extLst>
              <a:ext uri="{FF2B5EF4-FFF2-40B4-BE49-F238E27FC236}">
                <a16:creationId xmlns:a16="http://schemas.microsoft.com/office/drawing/2014/main" id="{08CF20F9-1388-4F30-AB41-D77414CB1A50}"/>
              </a:ext>
            </a:extLst>
          </p:cNvPr>
          <p:cNvSpPr txBox="1"/>
          <p:nvPr/>
        </p:nvSpPr>
        <p:spPr>
          <a:xfrm>
            <a:off x="4876801" y="2606517"/>
            <a:ext cx="3986453" cy="400110"/>
          </a:xfrm>
          <a:prstGeom prst="rect">
            <a:avLst/>
          </a:prstGeom>
          <a:noFill/>
        </p:spPr>
        <p:txBody>
          <a:bodyPr wrap="square" rtlCol="0">
            <a:spAutoFit/>
          </a:bodyPr>
          <a:lstStyle/>
          <a:p>
            <a:r>
              <a:rPr lang="en-US" sz="2000" b="1" dirty="0"/>
              <a:t>New job titles, various time periods   </a:t>
            </a:r>
          </a:p>
        </p:txBody>
      </p:sp>
      <p:sp>
        <p:nvSpPr>
          <p:cNvPr id="8" name="TextBox 7">
            <a:extLst>
              <a:ext uri="{FF2B5EF4-FFF2-40B4-BE49-F238E27FC236}">
                <a16:creationId xmlns:a16="http://schemas.microsoft.com/office/drawing/2014/main" id="{625C2BF4-3663-469C-A664-E1407472CECF}"/>
              </a:ext>
            </a:extLst>
          </p:cNvPr>
          <p:cNvSpPr txBox="1"/>
          <p:nvPr/>
        </p:nvSpPr>
        <p:spPr>
          <a:xfrm>
            <a:off x="127570" y="5993771"/>
            <a:ext cx="3606229" cy="307777"/>
          </a:xfrm>
          <a:prstGeom prst="rect">
            <a:avLst/>
          </a:prstGeom>
          <a:noFill/>
        </p:spPr>
        <p:txBody>
          <a:bodyPr wrap="square" rtlCol="0">
            <a:spAutoFit/>
          </a:bodyPr>
          <a:lstStyle/>
          <a:p>
            <a:r>
              <a:rPr lang="en-US" sz="1400" dirty="0"/>
              <a:t>% refers to share of new job titles</a:t>
            </a:r>
          </a:p>
        </p:txBody>
      </p:sp>
    </p:spTree>
    <p:extLst>
      <p:ext uri="{BB962C8B-B14F-4D97-AF65-F5344CB8AC3E}">
        <p14:creationId xmlns:p14="http://schemas.microsoft.com/office/powerpoint/2010/main" val="40902763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E59990B-E2F4-457F-B165-5440104EDACF}"/>
              </a:ext>
            </a:extLst>
          </p:cNvPr>
          <p:cNvSpPr>
            <a:spLocks noGrp="1"/>
          </p:cNvSpPr>
          <p:nvPr>
            <p:ph type="title"/>
          </p:nvPr>
        </p:nvSpPr>
        <p:spPr>
          <a:xfrm>
            <a:off x="457200" y="152400"/>
            <a:ext cx="8229600" cy="966952"/>
          </a:xfrm>
        </p:spPr>
        <p:txBody>
          <a:bodyPr/>
          <a:lstStyle/>
          <a:p>
            <a:r>
              <a:rPr lang="en-US" sz="3000" b="1" dirty="0">
                <a:latin typeface="Arial" panose="020B0604020202020204" pitchFamily="34" charset="0"/>
                <a:cs typeface="Arial" panose="020B0604020202020204" pitchFamily="34" charset="0"/>
              </a:rPr>
              <a:t>Wages grew more for non-routine cognitive workers, leaving low-skill workers behind</a:t>
            </a:r>
          </a:p>
        </p:txBody>
      </p:sp>
      <p:sp>
        <p:nvSpPr>
          <p:cNvPr id="5" name="Rectangle 4">
            <a:extLst>
              <a:ext uri="{FF2B5EF4-FFF2-40B4-BE49-F238E27FC236}">
                <a16:creationId xmlns:a16="http://schemas.microsoft.com/office/drawing/2014/main" id="{5C30509E-EABA-40A7-ADC2-74A19DC55FB8}"/>
              </a:ext>
            </a:extLst>
          </p:cNvPr>
          <p:cNvSpPr/>
          <p:nvPr/>
        </p:nvSpPr>
        <p:spPr>
          <a:xfrm>
            <a:off x="457200" y="6019800"/>
            <a:ext cx="7543800" cy="600164"/>
          </a:xfrm>
          <a:prstGeom prst="rect">
            <a:avLst/>
          </a:prstGeom>
        </p:spPr>
        <p:txBody>
          <a:bodyPr wrap="square">
            <a:spAutoFit/>
          </a:bodyPr>
          <a:lstStyle/>
          <a:p>
            <a:r>
              <a:rPr lang="en-US" sz="1100" dirty="0">
                <a:latin typeface="Arial" panose="020B0604020202020204" pitchFamily="34" charset="0"/>
                <a:ea typeface="Times New Roman" panose="02020603050405020304" pitchFamily="18" charset="0"/>
                <a:cs typeface="Arial" panose="020B0604020202020204" pitchFamily="34" charset="0"/>
              </a:rPr>
              <a:t>Note: *The time frames vary across countries, with Viet Nam the shortest (2007‒2015), followed by Thailand (2000‒2010), India (2000‒2012), and Indonesia (2000‒2014). Developing Asia refers to the five countries included in this analysis. </a:t>
            </a:r>
            <a:r>
              <a:rPr lang="en-US" sz="1100" dirty="0">
                <a:latin typeface="Arial" panose="020B0604020202020204" pitchFamily="34" charset="0"/>
                <a:cs typeface="Arial" panose="020B0604020202020204" pitchFamily="34" charset="0"/>
              </a:rPr>
              <a:t>Source: </a:t>
            </a:r>
            <a:r>
              <a:rPr lang="en-US" sz="1100" i="1" dirty="0">
                <a:latin typeface="Arial" panose="020B0604020202020204" pitchFamily="34" charset="0"/>
                <a:cs typeface="Arial" panose="020B0604020202020204" pitchFamily="34" charset="0"/>
              </a:rPr>
              <a:t>Asian Development Outlook 2018:</a:t>
            </a:r>
            <a:r>
              <a:rPr lang="en-US" sz="1100" dirty="0">
                <a:latin typeface="Arial" panose="020B0604020202020204" pitchFamily="34" charset="0"/>
                <a:cs typeface="Arial" panose="020B0604020202020204" pitchFamily="34" charset="0"/>
              </a:rPr>
              <a:t> How Technology Affects Jobs</a:t>
            </a:r>
          </a:p>
        </p:txBody>
      </p:sp>
      <p:sp>
        <p:nvSpPr>
          <p:cNvPr id="3" name="TextBox 2">
            <a:extLst>
              <a:ext uri="{FF2B5EF4-FFF2-40B4-BE49-F238E27FC236}">
                <a16:creationId xmlns:a16="http://schemas.microsoft.com/office/drawing/2014/main" id="{222FD47A-AAF4-49CD-A588-0E9AB18FD91E}"/>
              </a:ext>
            </a:extLst>
          </p:cNvPr>
          <p:cNvSpPr txBox="1"/>
          <p:nvPr/>
        </p:nvSpPr>
        <p:spPr>
          <a:xfrm flipH="1">
            <a:off x="914400" y="1228369"/>
            <a:ext cx="6934200" cy="646331"/>
          </a:xfrm>
          <a:prstGeom prst="rect">
            <a:avLst/>
          </a:prstGeom>
          <a:noFill/>
        </p:spPr>
        <p:txBody>
          <a:bodyPr wrap="square" rtlCol="0">
            <a:spAutoFit/>
          </a:bodyPr>
          <a:lstStyle/>
          <a:p>
            <a:pPr algn="ctr"/>
            <a:r>
              <a:rPr lang="en-US" b="1" dirty="0">
                <a:solidFill>
                  <a:schemeClr val="accent6">
                    <a:lumMod val="75000"/>
                  </a:schemeClr>
                </a:solidFill>
                <a:latin typeface="Arial" panose="020B0604020202020204" pitchFamily="34" charset="0"/>
                <a:cs typeface="Arial" panose="020B0604020202020204" pitchFamily="34" charset="0"/>
              </a:rPr>
              <a:t>Changes in average monthly wages, constant US dollar, various time periods*</a:t>
            </a:r>
          </a:p>
        </p:txBody>
      </p:sp>
      <p:sp>
        <p:nvSpPr>
          <p:cNvPr id="7" name="Slide Number Placeholder 6">
            <a:extLst>
              <a:ext uri="{FF2B5EF4-FFF2-40B4-BE49-F238E27FC236}">
                <a16:creationId xmlns:a16="http://schemas.microsoft.com/office/drawing/2014/main" id="{53359593-7496-489D-BBF8-40A673E67047}"/>
              </a:ext>
            </a:extLst>
          </p:cNvPr>
          <p:cNvSpPr>
            <a:spLocks noGrp="1"/>
          </p:cNvSpPr>
          <p:nvPr>
            <p:ph type="sldNum" sz="quarter" idx="12"/>
          </p:nvPr>
        </p:nvSpPr>
        <p:spPr>
          <a:xfrm>
            <a:off x="6705600" y="6492875"/>
            <a:ext cx="2133600" cy="365125"/>
          </a:xfrm>
        </p:spPr>
        <p:txBody>
          <a:bodyPr/>
          <a:lstStyle/>
          <a:p>
            <a:pPr>
              <a:defRPr/>
            </a:pPr>
            <a:fld id="{5B9C16F2-B942-4B0F-BC96-420841E7E5D0}" type="slidenum">
              <a:rPr lang="en-US" smtClean="0">
                <a:solidFill>
                  <a:schemeClr val="tx1"/>
                </a:solidFill>
              </a:rPr>
              <a:pPr>
                <a:defRPr/>
              </a:pPr>
              <a:t>24</a:t>
            </a:fld>
            <a:endParaRPr lang="en-US">
              <a:solidFill>
                <a:schemeClr val="tx1"/>
              </a:solidFill>
            </a:endParaRPr>
          </a:p>
        </p:txBody>
      </p:sp>
      <p:graphicFrame>
        <p:nvGraphicFramePr>
          <p:cNvPr id="11" name="Chart 10"/>
          <p:cNvGraphicFramePr>
            <a:graphicFrameLocks/>
          </p:cNvGraphicFramePr>
          <p:nvPr>
            <p:extLst>
              <p:ext uri="{D42A27DB-BD31-4B8C-83A1-F6EECF244321}">
                <p14:modId xmlns:p14="http://schemas.microsoft.com/office/powerpoint/2010/main" val="1423529285"/>
              </p:ext>
            </p:extLst>
          </p:nvPr>
        </p:nvGraphicFramePr>
        <p:xfrm>
          <a:off x="609600" y="1828800"/>
          <a:ext cx="7543800" cy="411480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10837505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a:extLst>
              <a:ext uri="{FF2B5EF4-FFF2-40B4-BE49-F238E27FC236}">
                <a16:creationId xmlns:a16="http://schemas.microsoft.com/office/drawing/2014/main" id="{E6F65B6A-674D-4ABF-A784-00B2B6CDAC27}"/>
              </a:ext>
            </a:extLst>
          </p:cNvPr>
          <p:cNvSpPr>
            <a:spLocks noGrp="1"/>
          </p:cNvSpPr>
          <p:nvPr>
            <p:ph type="title"/>
          </p:nvPr>
        </p:nvSpPr>
        <p:spPr>
          <a:xfrm>
            <a:off x="152400" y="160337"/>
            <a:ext cx="8534400" cy="1143000"/>
          </a:xfrm>
        </p:spPr>
        <p:txBody>
          <a:bodyPr/>
          <a:lstStyle/>
          <a:p>
            <a:r>
              <a:rPr lang="en-US" sz="3000" b="1" dirty="0">
                <a:latin typeface="Arial" panose="020B0604020202020204" pitchFamily="34" charset="0"/>
                <a:cs typeface="Arial" panose="020B0604020202020204" pitchFamily="34" charset="0"/>
              </a:rPr>
              <a:t>Government has an important role to play in leveraging technological advances for inclusive growth</a:t>
            </a:r>
          </a:p>
        </p:txBody>
      </p:sp>
      <p:sp>
        <p:nvSpPr>
          <p:cNvPr id="4" name="Slide Number Placeholder 3">
            <a:extLst>
              <a:ext uri="{FF2B5EF4-FFF2-40B4-BE49-F238E27FC236}">
                <a16:creationId xmlns:a16="http://schemas.microsoft.com/office/drawing/2014/main" id="{60E5367F-6959-4800-9403-2E1372090BB8}"/>
              </a:ext>
            </a:extLst>
          </p:cNvPr>
          <p:cNvSpPr>
            <a:spLocks noGrp="1"/>
          </p:cNvSpPr>
          <p:nvPr>
            <p:ph type="sldNum" sz="quarter" idx="12"/>
          </p:nvPr>
        </p:nvSpPr>
        <p:spPr>
          <a:xfrm>
            <a:off x="6723529" y="6589058"/>
            <a:ext cx="2133600" cy="168275"/>
          </a:xfrm>
        </p:spPr>
        <p:txBody>
          <a:bodyPr/>
          <a:lstStyle/>
          <a:p>
            <a:fld id="{B6F15528-21DE-4FAA-801E-634DDDAF4B2B}" type="slidenum">
              <a:rPr lang="en-US" smtClean="0">
                <a:solidFill>
                  <a:schemeClr val="tx1"/>
                </a:solidFill>
                <a:latin typeface="+mj-lt"/>
                <a:cs typeface="Arial" panose="020B0604020202020204" pitchFamily="34" charset="0"/>
              </a:rPr>
              <a:pPr/>
              <a:t>25</a:t>
            </a:fld>
            <a:endParaRPr lang="en-US" dirty="0">
              <a:solidFill>
                <a:schemeClr val="tx1"/>
              </a:solidFill>
              <a:latin typeface="+mj-lt"/>
              <a:cs typeface="Arial" panose="020B0604020202020204" pitchFamily="34" charset="0"/>
            </a:endParaRPr>
          </a:p>
        </p:txBody>
      </p:sp>
      <p:sp>
        <p:nvSpPr>
          <p:cNvPr id="8" name="TextBox 7">
            <a:extLst>
              <a:ext uri="{FF2B5EF4-FFF2-40B4-BE49-F238E27FC236}">
                <a16:creationId xmlns:a16="http://schemas.microsoft.com/office/drawing/2014/main" id="{4BB7A20C-5D7B-47D2-8417-42E3147728D0}"/>
              </a:ext>
            </a:extLst>
          </p:cNvPr>
          <p:cNvSpPr txBox="1"/>
          <p:nvPr/>
        </p:nvSpPr>
        <p:spPr>
          <a:xfrm>
            <a:off x="338973" y="1673844"/>
            <a:ext cx="8347827" cy="400110"/>
          </a:xfrm>
          <a:prstGeom prst="rect">
            <a:avLst/>
          </a:prstGeom>
          <a:noFill/>
        </p:spPr>
        <p:txBody>
          <a:bodyPr wrap="square" rtlCol="0">
            <a:spAutoFit/>
          </a:bodyPr>
          <a:lstStyle/>
          <a:p>
            <a:pPr algn="ctr"/>
            <a:r>
              <a:rPr lang="en-US" sz="2000" b="1" dirty="0">
                <a:solidFill>
                  <a:srgbClr val="0070C0"/>
                </a:solidFill>
                <a:latin typeface="Arial" panose="020B0604020202020204" pitchFamily="34" charset="0"/>
                <a:cs typeface="Arial" panose="020B0604020202020204" pitchFamily="34" charset="0"/>
              </a:rPr>
              <a:t>The new industrial revolution and the role of government </a:t>
            </a: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19214" y="2177465"/>
            <a:ext cx="8848586" cy="3640976"/>
          </a:xfrm>
          <a:prstGeom prst="rect">
            <a:avLst/>
          </a:prstGeom>
        </p:spPr>
      </p:pic>
    </p:spTree>
    <p:extLst>
      <p:ext uri="{BB962C8B-B14F-4D97-AF65-F5344CB8AC3E}">
        <p14:creationId xmlns:p14="http://schemas.microsoft.com/office/powerpoint/2010/main" val="406226307"/>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786300"/>
          </a:xfrm>
        </p:spPr>
        <p:txBody>
          <a:bodyPr/>
          <a:lstStyle/>
          <a:p>
            <a:r>
              <a:rPr lang="en-US" sz="4000" b="1" dirty="0">
                <a:latin typeface="Arial" panose="020B0604020202020204" pitchFamily="34" charset="0"/>
                <a:cs typeface="Arial" panose="020B0604020202020204" pitchFamily="34" charset="0"/>
              </a:rPr>
              <a:t>Key messages</a:t>
            </a:r>
          </a:p>
        </p:txBody>
      </p:sp>
      <p:sp>
        <p:nvSpPr>
          <p:cNvPr id="3" name="Content Placeholder 2"/>
          <p:cNvSpPr>
            <a:spLocks noGrp="1"/>
          </p:cNvSpPr>
          <p:nvPr>
            <p:ph idx="1"/>
          </p:nvPr>
        </p:nvSpPr>
        <p:spPr>
          <a:xfrm>
            <a:off x="304800" y="1219200"/>
            <a:ext cx="8534400" cy="5486400"/>
          </a:xfrm>
        </p:spPr>
        <p:txBody>
          <a:bodyPr/>
          <a:lstStyle/>
          <a:p>
            <a:pPr>
              <a:spcBef>
                <a:spcPts val="0"/>
              </a:spcBef>
              <a:spcAft>
                <a:spcPts val="0"/>
              </a:spcAft>
            </a:pPr>
            <a:r>
              <a:rPr lang="en-US" sz="2000" b="1" dirty="0">
                <a:solidFill>
                  <a:srgbClr val="0070C0"/>
                </a:solidFill>
                <a:latin typeface="Arial" panose="020B0604020202020204" pitchFamily="34" charset="0"/>
                <a:cs typeface="Arial" panose="020B0604020202020204" pitchFamily="34" charset="0"/>
              </a:rPr>
              <a:t>Developing Asia to continue solid growth at 6.0% in 2018 and  5.9% in 2019 amidst the strong external and domestic demand</a:t>
            </a:r>
          </a:p>
          <a:p>
            <a:pPr marL="0" indent="0">
              <a:spcBef>
                <a:spcPts val="0"/>
              </a:spcBef>
              <a:spcAft>
                <a:spcPts val="0"/>
              </a:spcAft>
              <a:buNone/>
            </a:pPr>
            <a:endParaRPr lang="en-US" sz="1600" b="1" dirty="0">
              <a:solidFill>
                <a:schemeClr val="accent6">
                  <a:lumMod val="75000"/>
                </a:schemeClr>
              </a:solidFill>
              <a:latin typeface="Arial" panose="020B0604020202020204" pitchFamily="34" charset="0"/>
              <a:cs typeface="Arial" panose="020B0604020202020204" pitchFamily="34" charset="0"/>
            </a:endParaRPr>
          </a:p>
          <a:p>
            <a:pPr>
              <a:spcBef>
                <a:spcPts val="0"/>
              </a:spcBef>
              <a:spcAft>
                <a:spcPts val="0"/>
              </a:spcAft>
              <a:buFont typeface="Arial" panose="020B0604020202020204" pitchFamily="34" charset="0"/>
              <a:buChar char="•"/>
            </a:pPr>
            <a:r>
              <a:rPr lang="en-US" sz="2000" b="1" dirty="0">
                <a:solidFill>
                  <a:schemeClr val="accent6">
                    <a:lumMod val="75000"/>
                  </a:schemeClr>
                </a:solidFill>
                <a:latin typeface="Arial" panose="020B0604020202020204" pitchFamily="34" charset="0"/>
                <a:cs typeface="Arial" panose="020B0604020202020204" pitchFamily="34" charset="0"/>
              </a:rPr>
              <a:t>PRC moderating with greater focus on financial stability; </a:t>
            </a:r>
            <a:br>
              <a:rPr lang="en-US" sz="2000" b="1" dirty="0">
                <a:solidFill>
                  <a:schemeClr val="accent6">
                    <a:lumMod val="75000"/>
                  </a:schemeClr>
                </a:solidFill>
                <a:latin typeface="Arial" panose="020B0604020202020204" pitchFamily="34" charset="0"/>
                <a:cs typeface="Arial" panose="020B0604020202020204" pitchFamily="34" charset="0"/>
              </a:rPr>
            </a:br>
            <a:r>
              <a:rPr lang="en-US" sz="2000" b="1" dirty="0">
                <a:solidFill>
                  <a:schemeClr val="accent6">
                    <a:lumMod val="75000"/>
                  </a:schemeClr>
                </a:solidFill>
                <a:latin typeface="Arial" panose="020B0604020202020204" pitchFamily="34" charset="0"/>
                <a:cs typeface="Arial" panose="020B0604020202020204" pitchFamily="34" charset="0"/>
              </a:rPr>
              <a:t>India rebounding from temporary reform related setbacks</a:t>
            </a:r>
          </a:p>
          <a:p>
            <a:pPr>
              <a:spcBef>
                <a:spcPts val="0"/>
              </a:spcBef>
              <a:spcAft>
                <a:spcPts val="0"/>
              </a:spcAft>
            </a:pPr>
            <a:endParaRPr lang="en-US" sz="1600" b="1" dirty="0">
              <a:solidFill>
                <a:schemeClr val="tx1">
                  <a:lumMod val="95000"/>
                  <a:lumOff val="5000"/>
                </a:schemeClr>
              </a:solidFill>
              <a:latin typeface="Arial" panose="020B0604020202020204" pitchFamily="34" charset="0"/>
              <a:cs typeface="Arial" panose="020B0604020202020204" pitchFamily="34" charset="0"/>
            </a:endParaRPr>
          </a:p>
          <a:p>
            <a:pPr>
              <a:spcBef>
                <a:spcPts val="0"/>
              </a:spcBef>
              <a:spcAft>
                <a:spcPts val="0"/>
              </a:spcAft>
            </a:pPr>
            <a:r>
              <a:rPr lang="en-US" sz="2000" b="1" dirty="0">
                <a:solidFill>
                  <a:srgbClr val="0070C0"/>
                </a:solidFill>
                <a:latin typeface="Arial" panose="020B0604020202020204" pitchFamily="34" charset="0"/>
                <a:cs typeface="Arial" panose="020B0604020202020204" pitchFamily="34" charset="0"/>
              </a:rPr>
              <a:t>Firming commodity prices and consumer demand push inflation to 2.9% in 2018 and 2019—still below 10-year average</a:t>
            </a:r>
          </a:p>
          <a:p>
            <a:pPr>
              <a:spcBef>
                <a:spcPts val="0"/>
              </a:spcBef>
              <a:spcAft>
                <a:spcPts val="0"/>
              </a:spcAft>
            </a:pPr>
            <a:endParaRPr lang="en-US" sz="1600" b="1" dirty="0">
              <a:solidFill>
                <a:srgbClr val="0070C0"/>
              </a:solidFill>
              <a:latin typeface="Arial" panose="020B0604020202020204" pitchFamily="34" charset="0"/>
              <a:cs typeface="Arial" panose="020B0604020202020204" pitchFamily="34" charset="0"/>
            </a:endParaRPr>
          </a:p>
          <a:p>
            <a:pPr>
              <a:spcBef>
                <a:spcPts val="0"/>
              </a:spcBef>
              <a:spcAft>
                <a:spcPts val="0"/>
              </a:spcAft>
            </a:pPr>
            <a:r>
              <a:rPr lang="en-US" sz="2000" b="1" dirty="0">
                <a:solidFill>
                  <a:schemeClr val="accent6">
                    <a:lumMod val="75000"/>
                  </a:schemeClr>
                </a:solidFill>
                <a:latin typeface="Arial" panose="020B0604020202020204" pitchFamily="34" charset="0"/>
                <a:cs typeface="Arial" panose="020B0604020202020204" pitchFamily="34" charset="0"/>
              </a:rPr>
              <a:t>Key risks stem from escalating trade tensions, rising US interest rates, and accumulating domestic private debt</a:t>
            </a:r>
          </a:p>
          <a:p>
            <a:pPr marL="0" indent="0">
              <a:spcBef>
                <a:spcPts val="0"/>
              </a:spcBef>
              <a:spcAft>
                <a:spcPts val="0"/>
              </a:spcAft>
              <a:buNone/>
            </a:pPr>
            <a:endParaRPr lang="en-US" sz="1600" b="1" dirty="0">
              <a:solidFill>
                <a:srgbClr val="0070C0"/>
              </a:solidFill>
              <a:latin typeface="Arial" panose="020B0604020202020204" pitchFamily="34" charset="0"/>
              <a:cs typeface="Arial" panose="020B0604020202020204" pitchFamily="34" charset="0"/>
            </a:endParaRPr>
          </a:p>
          <a:p>
            <a:pPr>
              <a:spcBef>
                <a:spcPts val="0"/>
              </a:spcBef>
              <a:spcAft>
                <a:spcPts val="0"/>
              </a:spcAft>
            </a:pPr>
            <a:r>
              <a:rPr lang="en-US" sz="2000" b="1" dirty="0">
                <a:solidFill>
                  <a:srgbClr val="0070C0"/>
                </a:solidFill>
                <a:latin typeface="Arial" panose="020B0604020202020204" pitchFamily="34" charset="0"/>
                <a:cs typeface="Arial" panose="020B0604020202020204" pitchFamily="34" charset="0"/>
              </a:rPr>
              <a:t>New technologies are not likely to cause widespread job losses in Asia. But policy action is needed for workers to overcome challenges posed by technological advance, and harness its full benefits</a:t>
            </a:r>
            <a:endParaRPr lang="en-US" sz="2000" b="1" dirty="0">
              <a:latin typeface="Arial" panose="020B0604020202020204" pitchFamily="34" charset="0"/>
              <a:cs typeface="Arial" panose="020B0604020202020204" pitchFamily="34" charset="0"/>
            </a:endParaRPr>
          </a:p>
        </p:txBody>
      </p:sp>
      <p:sp>
        <p:nvSpPr>
          <p:cNvPr id="4" name="Slide Number Placeholder 3"/>
          <p:cNvSpPr>
            <a:spLocks noGrp="1"/>
          </p:cNvSpPr>
          <p:nvPr>
            <p:ph type="sldNum" sz="quarter" idx="12"/>
          </p:nvPr>
        </p:nvSpPr>
        <p:spPr>
          <a:xfrm>
            <a:off x="7312740" y="6553549"/>
            <a:ext cx="1524000" cy="244475"/>
          </a:xfrm>
        </p:spPr>
        <p:txBody>
          <a:bodyPr/>
          <a:lstStyle/>
          <a:p>
            <a:pPr>
              <a:defRPr/>
            </a:pPr>
            <a:fld id="{5B9C16F2-B942-4B0F-BC96-420841E7E5D0}" type="slidenum">
              <a:rPr lang="en-US" smtClean="0">
                <a:solidFill>
                  <a:schemeClr val="tx1"/>
                </a:solidFill>
              </a:rPr>
              <a:pPr>
                <a:defRPr/>
              </a:pPr>
              <a:t>26</a:t>
            </a:fld>
            <a:endParaRPr lang="en-US" dirty="0">
              <a:solidFill>
                <a:schemeClr val="tx1"/>
              </a:solidFill>
            </a:endParaRPr>
          </a:p>
        </p:txBody>
      </p:sp>
    </p:spTree>
    <p:extLst>
      <p:ext uri="{BB962C8B-B14F-4D97-AF65-F5344CB8AC3E}">
        <p14:creationId xmlns:p14="http://schemas.microsoft.com/office/powerpoint/2010/main" val="111784732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786300"/>
          </a:xfrm>
        </p:spPr>
        <p:txBody>
          <a:bodyPr/>
          <a:lstStyle/>
          <a:p>
            <a:r>
              <a:rPr lang="en-US" sz="4000" b="1" dirty="0">
                <a:latin typeface="Arial" panose="020B0604020202020204" pitchFamily="34" charset="0"/>
                <a:cs typeface="Arial" panose="020B0604020202020204" pitchFamily="34" charset="0"/>
              </a:rPr>
              <a:t>Key messages</a:t>
            </a:r>
          </a:p>
        </p:txBody>
      </p:sp>
      <p:sp>
        <p:nvSpPr>
          <p:cNvPr id="3" name="Content Placeholder 2"/>
          <p:cNvSpPr>
            <a:spLocks noGrp="1"/>
          </p:cNvSpPr>
          <p:nvPr>
            <p:ph idx="1"/>
          </p:nvPr>
        </p:nvSpPr>
        <p:spPr>
          <a:xfrm>
            <a:off x="304800" y="1219200"/>
            <a:ext cx="8534400" cy="5486400"/>
          </a:xfrm>
        </p:spPr>
        <p:txBody>
          <a:bodyPr/>
          <a:lstStyle/>
          <a:p>
            <a:pPr>
              <a:spcBef>
                <a:spcPts val="0"/>
              </a:spcBef>
              <a:spcAft>
                <a:spcPts val="0"/>
              </a:spcAft>
            </a:pPr>
            <a:r>
              <a:rPr lang="en-US" sz="2000" b="1" dirty="0">
                <a:solidFill>
                  <a:srgbClr val="0070C0"/>
                </a:solidFill>
                <a:latin typeface="Arial" panose="020B0604020202020204" pitchFamily="34" charset="0"/>
                <a:cs typeface="Arial" panose="020B0604020202020204" pitchFamily="34" charset="0"/>
              </a:rPr>
              <a:t>Developing Asia to continue solid growth at 6.0% in 2018 and  5.9% in 2019 amidst the strong external and domestic demand</a:t>
            </a:r>
          </a:p>
          <a:p>
            <a:pPr marL="0" indent="0">
              <a:spcBef>
                <a:spcPts val="0"/>
              </a:spcBef>
              <a:spcAft>
                <a:spcPts val="0"/>
              </a:spcAft>
              <a:buNone/>
            </a:pPr>
            <a:endParaRPr lang="en-US" sz="1600" b="1" dirty="0">
              <a:solidFill>
                <a:schemeClr val="accent6">
                  <a:lumMod val="75000"/>
                </a:schemeClr>
              </a:solidFill>
              <a:latin typeface="Arial" panose="020B0604020202020204" pitchFamily="34" charset="0"/>
              <a:cs typeface="Arial" panose="020B0604020202020204" pitchFamily="34" charset="0"/>
            </a:endParaRPr>
          </a:p>
          <a:p>
            <a:pPr>
              <a:spcBef>
                <a:spcPts val="0"/>
              </a:spcBef>
              <a:spcAft>
                <a:spcPts val="0"/>
              </a:spcAft>
              <a:buFont typeface="Arial" panose="020B0604020202020204" pitchFamily="34" charset="0"/>
              <a:buChar char="•"/>
            </a:pPr>
            <a:r>
              <a:rPr lang="en-US" sz="2000" b="1" dirty="0">
                <a:solidFill>
                  <a:schemeClr val="accent6">
                    <a:lumMod val="75000"/>
                  </a:schemeClr>
                </a:solidFill>
                <a:latin typeface="Arial" panose="020B0604020202020204" pitchFamily="34" charset="0"/>
                <a:cs typeface="Arial" panose="020B0604020202020204" pitchFamily="34" charset="0"/>
              </a:rPr>
              <a:t>PRC moderating with greater focus on financial stability; </a:t>
            </a:r>
            <a:br>
              <a:rPr lang="en-US" sz="2000" b="1" dirty="0">
                <a:solidFill>
                  <a:schemeClr val="accent6">
                    <a:lumMod val="75000"/>
                  </a:schemeClr>
                </a:solidFill>
                <a:latin typeface="Arial" panose="020B0604020202020204" pitchFamily="34" charset="0"/>
                <a:cs typeface="Arial" panose="020B0604020202020204" pitchFamily="34" charset="0"/>
              </a:rPr>
            </a:br>
            <a:r>
              <a:rPr lang="en-US" sz="2000" b="1" dirty="0">
                <a:solidFill>
                  <a:schemeClr val="accent6">
                    <a:lumMod val="75000"/>
                  </a:schemeClr>
                </a:solidFill>
                <a:latin typeface="Arial" panose="020B0604020202020204" pitchFamily="34" charset="0"/>
                <a:cs typeface="Arial" panose="020B0604020202020204" pitchFamily="34" charset="0"/>
              </a:rPr>
              <a:t>India rebounding from temporary reform related setbacks</a:t>
            </a:r>
          </a:p>
          <a:p>
            <a:pPr>
              <a:spcBef>
                <a:spcPts val="0"/>
              </a:spcBef>
              <a:spcAft>
                <a:spcPts val="0"/>
              </a:spcAft>
            </a:pPr>
            <a:endParaRPr lang="en-US" sz="1600" b="1" dirty="0">
              <a:solidFill>
                <a:schemeClr val="tx1">
                  <a:lumMod val="95000"/>
                  <a:lumOff val="5000"/>
                </a:schemeClr>
              </a:solidFill>
              <a:latin typeface="Arial" panose="020B0604020202020204" pitchFamily="34" charset="0"/>
              <a:cs typeface="Arial" panose="020B0604020202020204" pitchFamily="34" charset="0"/>
            </a:endParaRPr>
          </a:p>
          <a:p>
            <a:pPr>
              <a:spcBef>
                <a:spcPts val="0"/>
              </a:spcBef>
              <a:spcAft>
                <a:spcPts val="0"/>
              </a:spcAft>
            </a:pPr>
            <a:r>
              <a:rPr lang="en-US" sz="2000" b="1" dirty="0">
                <a:solidFill>
                  <a:srgbClr val="0070C0"/>
                </a:solidFill>
                <a:latin typeface="Arial" panose="020B0604020202020204" pitchFamily="34" charset="0"/>
                <a:cs typeface="Arial" panose="020B0604020202020204" pitchFamily="34" charset="0"/>
              </a:rPr>
              <a:t>Firming commodity prices and consumer demand push inflation to 2.9% in 2018 and 2019—still below 10-year average</a:t>
            </a:r>
          </a:p>
          <a:p>
            <a:pPr>
              <a:spcBef>
                <a:spcPts val="0"/>
              </a:spcBef>
              <a:spcAft>
                <a:spcPts val="0"/>
              </a:spcAft>
            </a:pPr>
            <a:endParaRPr lang="en-US" sz="1600" b="1" dirty="0">
              <a:solidFill>
                <a:srgbClr val="0070C0"/>
              </a:solidFill>
              <a:latin typeface="Arial" panose="020B0604020202020204" pitchFamily="34" charset="0"/>
              <a:cs typeface="Arial" panose="020B0604020202020204" pitchFamily="34" charset="0"/>
            </a:endParaRPr>
          </a:p>
          <a:p>
            <a:pPr>
              <a:spcBef>
                <a:spcPts val="0"/>
              </a:spcBef>
              <a:spcAft>
                <a:spcPts val="0"/>
              </a:spcAft>
            </a:pPr>
            <a:r>
              <a:rPr lang="en-US" sz="2000" b="1" dirty="0">
                <a:solidFill>
                  <a:schemeClr val="accent6">
                    <a:lumMod val="75000"/>
                  </a:schemeClr>
                </a:solidFill>
                <a:latin typeface="Arial" panose="020B0604020202020204" pitchFamily="34" charset="0"/>
                <a:cs typeface="Arial" panose="020B0604020202020204" pitchFamily="34" charset="0"/>
              </a:rPr>
              <a:t>Key risks stem from escalating trade tensions, rising US interest rates, and accumulating domestic private debt</a:t>
            </a:r>
          </a:p>
          <a:p>
            <a:pPr marL="0" indent="0">
              <a:spcBef>
                <a:spcPts val="0"/>
              </a:spcBef>
              <a:spcAft>
                <a:spcPts val="0"/>
              </a:spcAft>
              <a:buNone/>
            </a:pPr>
            <a:endParaRPr lang="en-US" sz="1600" b="1" dirty="0">
              <a:solidFill>
                <a:srgbClr val="0070C0"/>
              </a:solidFill>
              <a:latin typeface="Arial" panose="020B0604020202020204" pitchFamily="34" charset="0"/>
              <a:cs typeface="Arial" panose="020B0604020202020204" pitchFamily="34" charset="0"/>
            </a:endParaRPr>
          </a:p>
          <a:p>
            <a:pPr>
              <a:spcBef>
                <a:spcPts val="0"/>
              </a:spcBef>
              <a:spcAft>
                <a:spcPts val="0"/>
              </a:spcAft>
            </a:pPr>
            <a:r>
              <a:rPr lang="en-US" sz="2000" b="1" dirty="0">
                <a:solidFill>
                  <a:srgbClr val="0070C0"/>
                </a:solidFill>
                <a:latin typeface="Arial" panose="020B0604020202020204" pitchFamily="34" charset="0"/>
                <a:cs typeface="Arial" panose="020B0604020202020204" pitchFamily="34" charset="0"/>
              </a:rPr>
              <a:t>New technologies are not likely to cause widespread job losses in Asia. But policy action is needed for workers to overcome challenges posed by technological advance and harness its full benefits</a:t>
            </a:r>
            <a:endParaRPr lang="en-US" sz="2000" b="1" dirty="0">
              <a:latin typeface="Arial" panose="020B0604020202020204" pitchFamily="34" charset="0"/>
              <a:cs typeface="Arial" panose="020B0604020202020204" pitchFamily="34" charset="0"/>
            </a:endParaRPr>
          </a:p>
        </p:txBody>
      </p:sp>
      <p:sp>
        <p:nvSpPr>
          <p:cNvPr id="4" name="Slide Number Placeholder 3"/>
          <p:cNvSpPr>
            <a:spLocks noGrp="1"/>
          </p:cNvSpPr>
          <p:nvPr>
            <p:ph type="sldNum" sz="quarter" idx="12"/>
          </p:nvPr>
        </p:nvSpPr>
        <p:spPr>
          <a:xfrm>
            <a:off x="7312740" y="6553549"/>
            <a:ext cx="1524000" cy="244475"/>
          </a:xfrm>
        </p:spPr>
        <p:txBody>
          <a:bodyPr/>
          <a:lstStyle/>
          <a:p>
            <a:pPr>
              <a:defRPr/>
            </a:pPr>
            <a:fld id="{5B9C16F2-B942-4B0F-BC96-420841E7E5D0}" type="slidenum">
              <a:rPr lang="en-US" smtClean="0">
                <a:solidFill>
                  <a:schemeClr val="tx1"/>
                </a:solidFill>
              </a:rPr>
              <a:pPr>
                <a:defRPr/>
              </a:pPr>
              <a:t>3</a:t>
            </a:fld>
            <a:endParaRPr lang="en-US" dirty="0">
              <a:solidFill>
                <a:schemeClr val="tx1"/>
              </a:solidFill>
            </a:endParaRPr>
          </a:p>
        </p:txBody>
      </p:sp>
    </p:spTree>
    <p:extLst>
      <p:ext uri="{BB962C8B-B14F-4D97-AF65-F5344CB8AC3E}">
        <p14:creationId xmlns:p14="http://schemas.microsoft.com/office/powerpoint/2010/main" val="290045246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p:cNvSpPr/>
          <p:nvPr/>
        </p:nvSpPr>
        <p:spPr>
          <a:xfrm>
            <a:off x="6111177" y="1975218"/>
            <a:ext cx="2055780" cy="2895600"/>
          </a:xfrm>
          <a:prstGeom prst="rect">
            <a:avLst/>
          </a:prstGeom>
          <a:solidFill>
            <a:schemeClr val="accent6">
              <a:lumMod val="60000"/>
              <a:lumOff val="40000"/>
              <a:alpha val="3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graphicFrame>
        <p:nvGraphicFramePr>
          <p:cNvPr id="9" name="Content Placeholder 12"/>
          <p:cNvGraphicFramePr>
            <a:graphicFrameLocks noGrp="1"/>
          </p:cNvGraphicFramePr>
          <p:nvPr>
            <p:ph idx="1"/>
            <p:extLst>
              <p:ext uri="{D42A27DB-BD31-4B8C-83A1-F6EECF244321}">
                <p14:modId xmlns:p14="http://schemas.microsoft.com/office/powerpoint/2010/main" val="228585197"/>
              </p:ext>
            </p:extLst>
          </p:nvPr>
        </p:nvGraphicFramePr>
        <p:xfrm>
          <a:off x="564223" y="1237347"/>
          <a:ext cx="7886700" cy="4267199"/>
        </p:xfrm>
        <a:graphic>
          <a:graphicData uri="http://schemas.openxmlformats.org/drawingml/2006/chart">
            <c:chart xmlns:c="http://schemas.openxmlformats.org/drawingml/2006/chart" xmlns:r="http://schemas.openxmlformats.org/officeDocument/2006/relationships" r:id="rId3"/>
          </a:graphicData>
        </a:graphic>
      </p:graphicFrame>
      <p:sp>
        <p:nvSpPr>
          <p:cNvPr id="2" name="Title 1"/>
          <p:cNvSpPr>
            <a:spLocks noGrp="1"/>
          </p:cNvSpPr>
          <p:nvPr>
            <p:ph type="title"/>
          </p:nvPr>
        </p:nvSpPr>
        <p:spPr>
          <a:xfrm>
            <a:off x="228600" y="196090"/>
            <a:ext cx="8686800" cy="856347"/>
          </a:xfrm>
        </p:spPr>
        <p:txBody>
          <a:bodyPr>
            <a:noAutofit/>
          </a:bodyPr>
          <a:lstStyle/>
          <a:p>
            <a:pPr algn="ctr"/>
            <a:r>
              <a:rPr lang="en-US" altLang="ko-KR" sz="3600" b="1" dirty="0">
                <a:latin typeface="Arial" panose="020B0604020202020204" pitchFamily="34" charset="0"/>
                <a:cs typeface="Arial" panose="020B0604020202020204" pitchFamily="34" charset="0"/>
              </a:rPr>
              <a:t>Developing Asia continues its solid growth…</a:t>
            </a:r>
            <a:endParaRPr lang="en-US" sz="3600" b="1" dirty="0">
              <a:latin typeface="Arial" panose="020B0604020202020204" pitchFamily="34" charset="0"/>
              <a:cs typeface="Arial" panose="020B0604020202020204" pitchFamily="34" charset="0"/>
            </a:endParaRPr>
          </a:p>
        </p:txBody>
      </p:sp>
      <p:sp>
        <p:nvSpPr>
          <p:cNvPr id="4" name="Slide Number Placeholder 3"/>
          <p:cNvSpPr>
            <a:spLocks noGrp="1"/>
          </p:cNvSpPr>
          <p:nvPr>
            <p:ph type="sldNum" sz="quarter" idx="12"/>
          </p:nvPr>
        </p:nvSpPr>
        <p:spPr>
          <a:xfrm>
            <a:off x="7169972" y="6553200"/>
            <a:ext cx="1669228" cy="136525"/>
          </a:xfrm>
        </p:spPr>
        <p:txBody>
          <a:bodyPr/>
          <a:lstStyle/>
          <a:p>
            <a:fld id="{2D2BA73B-819F-4F5C-A415-CC1AB3DC340A}" type="slidenum">
              <a:rPr lang="en-US" smtClean="0">
                <a:solidFill>
                  <a:schemeClr val="tx1"/>
                </a:solidFill>
              </a:rPr>
              <a:pPr/>
              <a:t>4</a:t>
            </a:fld>
            <a:endParaRPr lang="en-US" dirty="0">
              <a:solidFill>
                <a:schemeClr val="tx1"/>
              </a:solidFill>
            </a:endParaRPr>
          </a:p>
        </p:txBody>
      </p:sp>
      <p:sp>
        <p:nvSpPr>
          <p:cNvPr id="15" name="TextBox 14"/>
          <p:cNvSpPr txBox="1"/>
          <p:nvPr/>
        </p:nvSpPr>
        <p:spPr>
          <a:xfrm>
            <a:off x="564222" y="5578159"/>
            <a:ext cx="7578275" cy="276999"/>
          </a:xfrm>
          <a:prstGeom prst="rect">
            <a:avLst/>
          </a:prstGeom>
          <a:noFill/>
        </p:spPr>
        <p:txBody>
          <a:bodyPr wrap="square" rtlCol="0">
            <a:spAutoFit/>
          </a:bodyPr>
          <a:lstStyle/>
          <a:p>
            <a:r>
              <a:rPr lang="en-US" sz="1200" dirty="0">
                <a:latin typeface="Arial" panose="020B0604020202020204" pitchFamily="34" charset="0"/>
                <a:cs typeface="Arial" panose="020B0604020202020204" pitchFamily="34" charset="0"/>
              </a:rPr>
              <a:t>NIEs = newly industrialized economies of Hong Kong, China; Republic of Korea; Singapore; and </a:t>
            </a:r>
            <a:r>
              <a:rPr lang="en-US" sz="1200" dirty="0" err="1">
                <a:latin typeface="Arial" panose="020B0604020202020204" pitchFamily="34" charset="0"/>
                <a:cs typeface="Arial" panose="020B0604020202020204" pitchFamily="34" charset="0"/>
              </a:rPr>
              <a:t>Taipei,China</a:t>
            </a:r>
            <a:endParaRPr lang="en-US" sz="1200" dirty="0">
              <a:latin typeface="Arial" panose="020B0604020202020204" pitchFamily="34" charset="0"/>
              <a:cs typeface="Arial" panose="020B0604020202020204" pitchFamily="34" charset="0"/>
            </a:endParaRPr>
          </a:p>
        </p:txBody>
      </p:sp>
      <p:sp>
        <p:nvSpPr>
          <p:cNvPr id="7" name="TextBox 6"/>
          <p:cNvSpPr txBox="1"/>
          <p:nvPr/>
        </p:nvSpPr>
        <p:spPr>
          <a:xfrm>
            <a:off x="564222" y="5862941"/>
            <a:ext cx="5226977" cy="276999"/>
          </a:xfrm>
          <a:prstGeom prst="rect">
            <a:avLst/>
          </a:prstGeom>
          <a:noFill/>
        </p:spPr>
        <p:txBody>
          <a:bodyPr wrap="square" rtlCol="0">
            <a:spAutoFit/>
          </a:bodyPr>
          <a:lstStyle/>
          <a:p>
            <a:r>
              <a:rPr lang="en-US" sz="1200" i="1" dirty="0">
                <a:latin typeface="Arial" panose="020B0604020202020204" pitchFamily="34" charset="0"/>
                <a:cs typeface="Arial" panose="020B0604020202020204" pitchFamily="34" charset="0"/>
              </a:rPr>
              <a:t>Source</a:t>
            </a:r>
            <a:r>
              <a:rPr lang="en-US" sz="1200" dirty="0">
                <a:latin typeface="Arial" panose="020B0604020202020204" pitchFamily="34" charset="0"/>
                <a:cs typeface="Arial" panose="020B0604020202020204" pitchFamily="34" charset="0"/>
              </a:rPr>
              <a:t>: </a:t>
            </a:r>
            <a:r>
              <a:rPr lang="en-US" sz="1200" i="1" dirty="0">
                <a:latin typeface="Arial" panose="020B0604020202020204" pitchFamily="34" charset="0"/>
                <a:cs typeface="Arial" panose="020B0604020202020204" pitchFamily="34" charset="0"/>
              </a:rPr>
              <a:t>Asian Development Outlook </a:t>
            </a:r>
            <a:r>
              <a:rPr lang="en-US" sz="1200" dirty="0">
                <a:latin typeface="Arial" panose="020B0604020202020204" pitchFamily="34" charset="0"/>
                <a:cs typeface="Arial" panose="020B0604020202020204" pitchFamily="34" charset="0"/>
              </a:rPr>
              <a:t>database.</a:t>
            </a:r>
          </a:p>
        </p:txBody>
      </p:sp>
      <p:sp>
        <p:nvSpPr>
          <p:cNvPr id="12" name="TextBox 11">
            <a:extLst>
              <a:ext uri="{FF2B5EF4-FFF2-40B4-BE49-F238E27FC236}">
                <a16:creationId xmlns:a16="http://schemas.microsoft.com/office/drawing/2014/main" id="{2E6B8029-DE3A-43CE-A048-9F4819AC093A}"/>
              </a:ext>
            </a:extLst>
          </p:cNvPr>
          <p:cNvSpPr txBox="1"/>
          <p:nvPr/>
        </p:nvSpPr>
        <p:spPr>
          <a:xfrm>
            <a:off x="6104147" y="5248819"/>
            <a:ext cx="2038350" cy="338554"/>
          </a:xfrm>
          <a:prstGeom prst="rect">
            <a:avLst/>
          </a:prstGeom>
          <a:noFill/>
        </p:spPr>
        <p:txBody>
          <a:bodyPr wrap="square" rtlCol="0">
            <a:spAutoFit/>
          </a:bodyPr>
          <a:lstStyle/>
          <a:p>
            <a:pPr algn="ctr"/>
            <a:r>
              <a:rPr lang="en-US" sz="1600" b="1" dirty="0">
                <a:solidFill>
                  <a:srgbClr val="0070C0"/>
                </a:solidFill>
                <a:latin typeface="Arial" panose="020B0604020202020204" pitchFamily="34" charset="0"/>
                <a:cs typeface="Arial" panose="020B0604020202020204" pitchFamily="34" charset="0"/>
              </a:rPr>
              <a:t>forecast</a:t>
            </a:r>
          </a:p>
        </p:txBody>
      </p:sp>
    </p:spTree>
    <p:extLst>
      <p:ext uri="{BB962C8B-B14F-4D97-AF65-F5344CB8AC3E}">
        <p14:creationId xmlns:p14="http://schemas.microsoft.com/office/powerpoint/2010/main" val="3799484414"/>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80494" y="196753"/>
            <a:ext cx="8382000" cy="960578"/>
          </a:xfrm>
        </p:spPr>
        <p:txBody>
          <a:bodyPr>
            <a:noAutofit/>
          </a:bodyPr>
          <a:lstStyle/>
          <a:p>
            <a:pPr algn="ctr"/>
            <a:r>
              <a:rPr lang="en-US" sz="3600" b="1" dirty="0">
                <a:latin typeface="Arial" panose="020B0604020202020204" pitchFamily="34" charset="0"/>
                <a:cs typeface="Arial" panose="020B0604020202020204" pitchFamily="34" charset="0"/>
              </a:rPr>
              <a:t>…supported by robust growth in advanced economies</a:t>
            </a:r>
          </a:p>
        </p:txBody>
      </p:sp>
      <p:sp>
        <p:nvSpPr>
          <p:cNvPr id="8" name="Slide Number Placeholder 7"/>
          <p:cNvSpPr>
            <a:spLocks noGrp="1"/>
          </p:cNvSpPr>
          <p:nvPr>
            <p:ph type="sldNum" sz="quarter" idx="12"/>
          </p:nvPr>
        </p:nvSpPr>
        <p:spPr>
          <a:xfrm>
            <a:off x="6720348" y="6553200"/>
            <a:ext cx="2133600" cy="168275"/>
          </a:xfrm>
        </p:spPr>
        <p:txBody>
          <a:bodyPr/>
          <a:lstStyle/>
          <a:p>
            <a:fld id="{30E2EFED-C7E0-4B73-9438-3AD76B2DD6E2}" type="slidenum">
              <a:rPr lang="en-US" smtClean="0">
                <a:solidFill>
                  <a:schemeClr val="tx1"/>
                </a:solidFill>
              </a:rPr>
              <a:pPr/>
              <a:t>5</a:t>
            </a:fld>
            <a:endParaRPr lang="en-US" dirty="0">
              <a:solidFill>
                <a:schemeClr val="tx1"/>
              </a:solidFill>
            </a:endParaRPr>
          </a:p>
        </p:txBody>
      </p:sp>
      <p:graphicFrame>
        <p:nvGraphicFramePr>
          <p:cNvPr id="5" name="Content Placeholder 4"/>
          <p:cNvGraphicFramePr>
            <a:graphicFrameLocks noGrp="1"/>
          </p:cNvGraphicFramePr>
          <p:nvPr>
            <p:ph idx="1"/>
            <p:extLst>
              <p:ext uri="{D42A27DB-BD31-4B8C-83A1-F6EECF244321}">
                <p14:modId xmlns:p14="http://schemas.microsoft.com/office/powerpoint/2010/main" val="2806296406"/>
              </p:ext>
            </p:extLst>
          </p:nvPr>
        </p:nvGraphicFramePr>
        <p:xfrm>
          <a:off x="528145" y="1493978"/>
          <a:ext cx="7886701" cy="2971802"/>
        </p:xfrm>
        <a:graphic>
          <a:graphicData uri="http://schemas.openxmlformats.org/drawingml/2006/table">
            <a:tbl>
              <a:tblPr firstRow="1" bandRow="1">
                <a:tableStyleId>{9DCAF9ED-07DC-4A11-8D7F-57B35C25682E}</a:tableStyleId>
              </a:tblPr>
              <a:tblGrid>
                <a:gridCol w="3129455">
                  <a:extLst>
                    <a:ext uri="{9D8B030D-6E8A-4147-A177-3AD203B41FA5}">
                      <a16:colId xmlns:a16="http://schemas.microsoft.com/office/drawing/2014/main" val="20000"/>
                    </a:ext>
                  </a:extLst>
                </a:gridCol>
                <a:gridCol w="1066800">
                  <a:extLst>
                    <a:ext uri="{9D8B030D-6E8A-4147-A177-3AD203B41FA5}">
                      <a16:colId xmlns:a16="http://schemas.microsoft.com/office/drawing/2014/main" val="20001"/>
                    </a:ext>
                  </a:extLst>
                </a:gridCol>
                <a:gridCol w="1066800">
                  <a:extLst>
                    <a:ext uri="{9D8B030D-6E8A-4147-A177-3AD203B41FA5}">
                      <a16:colId xmlns:a16="http://schemas.microsoft.com/office/drawing/2014/main" val="20002"/>
                    </a:ext>
                  </a:extLst>
                </a:gridCol>
                <a:gridCol w="1295400">
                  <a:extLst>
                    <a:ext uri="{9D8B030D-6E8A-4147-A177-3AD203B41FA5}">
                      <a16:colId xmlns:a16="http://schemas.microsoft.com/office/drawing/2014/main" val="20003"/>
                    </a:ext>
                  </a:extLst>
                </a:gridCol>
                <a:gridCol w="1328246">
                  <a:extLst>
                    <a:ext uri="{9D8B030D-6E8A-4147-A177-3AD203B41FA5}">
                      <a16:colId xmlns:a16="http://schemas.microsoft.com/office/drawing/2014/main" val="20004"/>
                    </a:ext>
                  </a:extLst>
                </a:gridCol>
              </a:tblGrid>
              <a:tr h="1153758">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800" baseline="0" dirty="0">
                          <a:latin typeface="Arial" panose="020B0604020202020204" pitchFamily="34" charset="0"/>
                          <a:cs typeface="Arial" panose="020B0604020202020204" pitchFamily="34" charset="0"/>
                        </a:rPr>
                        <a:t>GDP growth (%)</a:t>
                      </a:r>
                      <a:endParaRPr lang="en-US" sz="1800" b="0" dirty="0">
                        <a:solidFill>
                          <a:schemeClr val="tx1"/>
                        </a:solidFill>
                        <a:latin typeface="Arial" panose="020B0604020202020204" pitchFamily="34" charset="0"/>
                        <a:cs typeface="Arial" panose="020B0604020202020204" pitchFamily="34" charset="0"/>
                      </a:endParaRPr>
                    </a:p>
                  </a:txBody>
                  <a:tcPr anchor="ctr">
                    <a:solidFill>
                      <a:schemeClr val="accent5">
                        <a:lumMod val="75000"/>
                      </a:schemeClr>
                    </a:solidFill>
                  </a:tcPr>
                </a:tc>
                <a:tc>
                  <a:txBody>
                    <a:bodyPr/>
                    <a:lstStyle/>
                    <a:p>
                      <a:pPr algn="ctr"/>
                      <a:r>
                        <a:rPr lang="en-US" sz="1700" dirty="0">
                          <a:latin typeface="Arial" panose="020B0604020202020204" pitchFamily="34" charset="0"/>
                          <a:cs typeface="Arial" panose="020B0604020202020204" pitchFamily="34" charset="0"/>
                        </a:rPr>
                        <a:t>2016</a:t>
                      </a:r>
                    </a:p>
                    <a:p>
                      <a:pPr algn="ctr">
                        <a:spcBef>
                          <a:spcPts val="800"/>
                        </a:spcBef>
                      </a:pPr>
                      <a:r>
                        <a:rPr lang="en-US" sz="1700" dirty="0">
                          <a:latin typeface="Arial" panose="020B0604020202020204" pitchFamily="34" charset="0"/>
                          <a:cs typeface="Arial" panose="020B0604020202020204" pitchFamily="34" charset="0"/>
                        </a:rPr>
                        <a:t>Actual</a:t>
                      </a:r>
                      <a:endParaRPr lang="en-US" sz="1700" b="0" dirty="0">
                        <a:solidFill>
                          <a:schemeClr val="tx1"/>
                        </a:solidFill>
                        <a:latin typeface="Arial" panose="020B0604020202020204" pitchFamily="34" charset="0"/>
                        <a:cs typeface="Arial" panose="020B0604020202020204" pitchFamily="34" charset="0"/>
                      </a:endParaRPr>
                    </a:p>
                  </a:txBody>
                  <a:tcPr anchor="ctr">
                    <a:solidFill>
                      <a:schemeClr val="accent5">
                        <a:lumMod val="75000"/>
                      </a:schemeClr>
                    </a:solidFill>
                  </a:tcPr>
                </a:tc>
                <a:tc>
                  <a:txBody>
                    <a:bodyPr/>
                    <a:lstStyle/>
                    <a:p>
                      <a:pPr algn="ctr"/>
                      <a:r>
                        <a:rPr lang="en-US" sz="1700" dirty="0">
                          <a:latin typeface="Arial" panose="020B0604020202020204" pitchFamily="34" charset="0"/>
                          <a:cs typeface="Arial" panose="020B0604020202020204" pitchFamily="34" charset="0"/>
                        </a:rPr>
                        <a:t>2017</a:t>
                      </a:r>
                    </a:p>
                    <a:p>
                      <a:pPr algn="ctr">
                        <a:spcBef>
                          <a:spcPts val="800"/>
                        </a:spcBef>
                      </a:pPr>
                      <a:r>
                        <a:rPr lang="en-US" sz="1700" dirty="0">
                          <a:latin typeface="Arial" panose="020B0604020202020204" pitchFamily="34" charset="0"/>
                          <a:cs typeface="Arial" panose="020B0604020202020204" pitchFamily="34" charset="0"/>
                        </a:rPr>
                        <a:t>Actual</a:t>
                      </a:r>
                      <a:endParaRPr lang="en-US" sz="1700" b="0" dirty="0">
                        <a:solidFill>
                          <a:schemeClr val="tx1"/>
                        </a:solidFill>
                        <a:latin typeface="Arial" panose="020B0604020202020204" pitchFamily="34" charset="0"/>
                        <a:cs typeface="Arial" panose="020B0604020202020204" pitchFamily="34" charset="0"/>
                      </a:endParaRPr>
                    </a:p>
                  </a:txBody>
                  <a:tcPr anchor="ctr">
                    <a:solidFill>
                      <a:schemeClr val="accent5">
                        <a:lumMod val="75000"/>
                      </a:schemeClr>
                    </a:solidFill>
                  </a:tcPr>
                </a:tc>
                <a:tc>
                  <a:txBody>
                    <a:bodyPr/>
                    <a:lstStyle/>
                    <a:p>
                      <a:pPr algn="ctr"/>
                      <a:r>
                        <a:rPr lang="en-US" sz="1700" dirty="0">
                          <a:latin typeface="Arial" panose="020B0604020202020204" pitchFamily="34" charset="0"/>
                          <a:cs typeface="Arial" panose="020B0604020202020204" pitchFamily="34" charset="0"/>
                        </a:rPr>
                        <a:t> 2018</a:t>
                      </a:r>
                    </a:p>
                    <a:p>
                      <a:pPr algn="ctr"/>
                      <a:r>
                        <a:rPr lang="en-US" sz="1700" dirty="0">
                          <a:latin typeface="Arial" panose="020B0604020202020204" pitchFamily="34" charset="0"/>
                          <a:cs typeface="Arial" panose="020B0604020202020204" pitchFamily="34" charset="0"/>
                        </a:rPr>
                        <a:t>ADO 2018 projection</a:t>
                      </a:r>
                      <a:endParaRPr lang="en-US" sz="1700" b="0" dirty="0">
                        <a:solidFill>
                          <a:schemeClr val="tx1"/>
                        </a:solidFill>
                        <a:latin typeface="Arial" panose="020B0604020202020204" pitchFamily="34" charset="0"/>
                        <a:cs typeface="Arial" panose="020B0604020202020204" pitchFamily="34" charset="0"/>
                      </a:endParaRPr>
                    </a:p>
                  </a:txBody>
                  <a:tcPr anchor="ctr">
                    <a:solidFill>
                      <a:schemeClr val="accent5">
                        <a:lumMod val="75000"/>
                      </a:schemeClr>
                    </a:solidFill>
                  </a:tcPr>
                </a:tc>
                <a:tc>
                  <a:txBody>
                    <a:bodyPr/>
                    <a:lstStyle/>
                    <a:p>
                      <a:pPr algn="ctr"/>
                      <a:r>
                        <a:rPr lang="en-US" sz="1700" dirty="0">
                          <a:latin typeface="Arial" panose="020B0604020202020204" pitchFamily="34" charset="0"/>
                          <a:cs typeface="Arial" panose="020B0604020202020204" pitchFamily="34" charset="0"/>
                        </a:rPr>
                        <a:t>2019</a:t>
                      </a:r>
                    </a:p>
                    <a:p>
                      <a:pPr algn="ctr"/>
                      <a:r>
                        <a:rPr lang="en-US" sz="1700" dirty="0">
                          <a:latin typeface="Arial" panose="020B0604020202020204" pitchFamily="34" charset="0"/>
                          <a:cs typeface="Arial" panose="020B0604020202020204" pitchFamily="34" charset="0"/>
                        </a:rPr>
                        <a:t>ADO 2018 projection</a:t>
                      </a:r>
                      <a:endParaRPr lang="en-US" sz="1700" b="0" dirty="0">
                        <a:solidFill>
                          <a:schemeClr val="tx1"/>
                        </a:solidFill>
                        <a:latin typeface="Arial" panose="020B0604020202020204" pitchFamily="34" charset="0"/>
                        <a:cs typeface="Arial" panose="020B0604020202020204" pitchFamily="34" charset="0"/>
                      </a:endParaRPr>
                    </a:p>
                  </a:txBody>
                  <a:tcPr anchor="ctr">
                    <a:solidFill>
                      <a:schemeClr val="accent5">
                        <a:lumMod val="75000"/>
                      </a:schemeClr>
                    </a:solidFill>
                  </a:tcPr>
                </a:tc>
                <a:extLst>
                  <a:ext uri="{0D108BD9-81ED-4DB2-BD59-A6C34878D82A}">
                    <a16:rowId xmlns:a16="http://schemas.microsoft.com/office/drawing/2014/main" val="10000"/>
                  </a:ext>
                </a:extLst>
              </a:tr>
              <a:tr h="454511">
                <a:tc>
                  <a:txBody>
                    <a:bodyPr/>
                    <a:lstStyle/>
                    <a:p>
                      <a:pPr marL="0" algn="ctr">
                        <a:lnSpc>
                          <a:spcPct val="100000"/>
                        </a:lnSpc>
                      </a:pPr>
                      <a:r>
                        <a:rPr lang="en-US" sz="1650" b="1" baseline="0" dirty="0">
                          <a:latin typeface="Arial" panose="020B0604020202020204" pitchFamily="34" charset="0"/>
                          <a:cs typeface="Arial" panose="020B0604020202020204" pitchFamily="34" charset="0"/>
                        </a:rPr>
                        <a:t>Major industrial economies </a:t>
                      </a:r>
                      <a:r>
                        <a:rPr lang="en-US" sz="1650" b="1" baseline="30000" dirty="0">
                          <a:latin typeface="Arial" panose="020B0604020202020204" pitchFamily="34" charset="0"/>
                          <a:cs typeface="Arial" panose="020B0604020202020204" pitchFamily="34" charset="0"/>
                        </a:rPr>
                        <a:t>a</a:t>
                      </a:r>
                    </a:p>
                  </a:txBody>
                  <a:tcPr anchor="ctr">
                    <a:solidFill>
                      <a:schemeClr val="accent5">
                        <a:lumMod val="20000"/>
                        <a:lumOff val="80000"/>
                      </a:schemeClr>
                    </a:solidFill>
                  </a:tcPr>
                </a:tc>
                <a:tc>
                  <a:txBody>
                    <a:bodyPr/>
                    <a:lstStyle/>
                    <a:p>
                      <a:pPr marL="0" marR="0" algn="ctr">
                        <a:lnSpc>
                          <a:spcPct val="100000"/>
                        </a:lnSpc>
                        <a:spcBef>
                          <a:spcPts val="0"/>
                        </a:spcBef>
                        <a:spcAft>
                          <a:spcPts val="0"/>
                        </a:spcAft>
                      </a:pPr>
                      <a:r>
                        <a:rPr lang="en-US" sz="2000" b="1" dirty="0">
                          <a:effectLst/>
                          <a:latin typeface="Arial" panose="020B0604020202020204" pitchFamily="34" charset="0"/>
                          <a:ea typeface="Calibri"/>
                          <a:cs typeface="Arial" panose="020B0604020202020204" pitchFamily="34" charset="0"/>
                        </a:rPr>
                        <a:t>1.5</a:t>
                      </a:r>
                    </a:p>
                  </a:txBody>
                  <a:tcPr marL="68580" marR="68580" marT="0" marB="0" anchor="ctr">
                    <a:solidFill>
                      <a:schemeClr val="accent5">
                        <a:lumMod val="20000"/>
                        <a:lumOff val="80000"/>
                      </a:schemeClr>
                    </a:solidFill>
                  </a:tcPr>
                </a:tc>
                <a:tc>
                  <a:txBody>
                    <a:bodyPr/>
                    <a:lstStyle/>
                    <a:p>
                      <a:pPr marL="0" marR="0" algn="ctr">
                        <a:lnSpc>
                          <a:spcPct val="100000"/>
                        </a:lnSpc>
                        <a:spcBef>
                          <a:spcPts val="0"/>
                        </a:spcBef>
                        <a:spcAft>
                          <a:spcPts val="0"/>
                        </a:spcAft>
                      </a:pPr>
                      <a:r>
                        <a:rPr lang="en-US" sz="2000" b="1" dirty="0">
                          <a:effectLst/>
                          <a:latin typeface="Arial" panose="020B0604020202020204" pitchFamily="34" charset="0"/>
                          <a:ea typeface="Calibri"/>
                          <a:cs typeface="Arial" panose="020B0604020202020204" pitchFamily="34" charset="0"/>
                        </a:rPr>
                        <a:t>2.3</a:t>
                      </a:r>
                    </a:p>
                  </a:txBody>
                  <a:tcPr marL="68580" marR="68580" marT="0" marB="0" anchor="ctr">
                    <a:solidFill>
                      <a:schemeClr val="accent5">
                        <a:lumMod val="20000"/>
                        <a:lumOff val="80000"/>
                      </a:schemeClr>
                    </a:solidFill>
                  </a:tcPr>
                </a:tc>
                <a:tc>
                  <a:txBody>
                    <a:bodyPr/>
                    <a:lstStyle/>
                    <a:p>
                      <a:pPr marL="0" marR="0" algn="ctr">
                        <a:lnSpc>
                          <a:spcPct val="100000"/>
                        </a:lnSpc>
                        <a:spcBef>
                          <a:spcPts val="0"/>
                        </a:spcBef>
                        <a:spcAft>
                          <a:spcPts val="0"/>
                        </a:spcAft>
                      </a:pPr>
                      <a:r>
                        <a:rPr lang="en-US" sz="2000" b="1" dirty="0">
                          <a:effectLst/>
                          <a:latin typeface="Arial" panose="020B0604020202020204" pitchFamily="34" charset="0"/>
                          <a:ea typeface="Calibri"/>
                          <a:cs typeface="Arial" panose="020B0604020202020204" pitchFamily="34" charset="0"/>
                        </a:rPr>
                        <a:t>2.3</a:t>
                      </a:r>
                    </a:p>
                  </a:txBody>
                  <a:tcPr marL="68580" marR="68580" marT="0" marB="0" anchor="ctr">
                    <a:solidFill>
                      <a:schemeClr val="accent5">
                        <a:lumMod val="20000"/>
                        <a:lumOff val="80000"/>
                      </a:schemeClr>
                    </a:solidFill>
                  </a:tcPr>
                </a:tc>
                <a:tc>
                  <a:txBody>
                    <a:bodyPr/>
                    <a:lstStyle/>
                    <a:p>
                      <a:pPr marL="0" marR="0" algn="ctr">
                        <a:lnSpc>
                          <a:spcPct val="100000"/>
                        </a:lnSpc>
                        <a:spcBef>
                          <a:spcPts val="0"/>
                        </a:spcBef>
                        <a:spcAft>
                          <a:spcPts val="0"/>
                        </a:spcAft>
                      </a:pPr>
                      <a:r>
                        <a:rPr lang="en-US" sz="2000" b="1" dirty="0">
                          <a:effectLst/>
                          <a:latin typeface="Arial" panose="020B0604020202020204" pitchFamily="34" charset="0"/>
                          <a:ea typeface="Calibri"/>
                          <a:cs typeface="Arial" panose="020B0604020202020204" pitchFamily="34" charset="0"/>
                        </a:rPr>
                        <a:t>2.0</a:t>
                      </a:r>
                    </a:p>
                  </a:txBody>
                  <a:tcPr marL="68580" marR="68580" marT="0" marB="0" anchor="ctr">
                    <a:solidFill>
                      <a:schemeClr val="accent5">
                        <a:lumMod val="20000"/>
                        <a:lumOff val="80000"/>
                      </a:schemeClr>
                    </a:solidFill>
                  </a:tcPr>
                </a:tc>
                <a:extLst>
                  <a:ext uri="{0D108BD9-81ED-4DB2-BD59-A6C34878D82A}">
                    <a16:rowId xmlns:a16="http://schemas.microsoft.com/office/drawing/2014/main" val="10001"/>
                  </a:ext>
                </a:extLst>
              </a:tr>
              <a:tr h="454511">
                <a:tc>
                  <a:txBody>
                    <a:bodyPr/>
                    <a:lstStyle/>
                    <a:p>
                      <a:pPr marL="91440"/>
                      <a:r>
                        <a:rPr lang="en-US" sz="2000" baseline="0" dirty="0">
                          <a:latin typeface="Arial" panose="020B0604020202020204" pitchFamily="34" charset="0"/>
                          <a:cs typeface="Arial" panose="020B0604020202020204" pitchFamily="34" charset="0"/>
                        </a:rPr>
                        <a:t>   United States</a:t>
                      </a:r>
                      <a:endParaRPr lang="en-US" sz="2000" b="0" baseline="0" dirty="0">
                        <a:latin typeface="Arial" panose="020B0604020202020204" pitchFamily="34" charset="0"/>
                        <a:cs typeface="Arial" panose="020B0604020202020204" pitchFamily="34" charset="0"/>
                      </a:endParaRPr>
                    </a:p>
                  </a:txBody>
                  <a:tcPr anchor="ct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1.5</a:t>
                      </a:r>
                    </a:p>
                  </a:txBody>
                  <a:tcPr marL="68580" marR="68580" marT="0" marB="0" anchor="ct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2.3</a:t>
                      </a:r>
                    </a:p>
                  </a:txBody>
                  <a:tcPr marL="68580" marR="68580" marT="0" marB="0" anchor="ct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2.7</a:t>
                      </a:r>
                    </a:p>
                  </a:txBody>
                  <a:tcPr marL="68580" marR="68580" marT="0" marB="0" anchor="ct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2.3</a:t>
                      </a:r>
                    </a:p>
                  </a:txBody>
                  <a:tcPr marL="68580" marR="68580" marT="0" marB="0" anchor="ctr"/>
                </a:tc>
                <a:extLst>
                  <a:ext uri="{0D108BD9-81ED-4DB2-BD59-A6C34878D82A}">
                    <a16:rowId xmlns:a16="http://schemas.microsoft.com/office/drawing/2014/main" val="10002"/>
                  </a:ext>
                </a:extLst>
              </a:tr>
              <a:tr h="454511">
                <a:tc>
                  <a:txBody>
                    <a:bodyPr/>
                    <a:lstStyle/>
                    <a:p>
                      <a:pPr marL="91440"/>
                      <a:r>
                        <a:rPr lang="en-US" sz="2000" baseline="0" dirty="0">
                          <a:latin typeface="Arial" panose="020B0604020202020204" pitchFamily="34" charset="0"/>
                          <a:cs typeface="Arial" panose="020B0604020202020204" pitchFamily="34" charset="0"/>
                        </a:rPr>
                        <a:t>   Euro area</a:t>
                      </a:r>
                      <a:endParaRPr lang="en-US" sz="2000" b="0" baseline="0" dirty="0">
                        <a:latin typeface="Arial" panose="020B0604020202020204" pitchFamily="34" charset="0"/>
                        <a:cs typeface="Arial" panose="020B0604020202020204" pitchFamily="34" charset="0"/>
                      </a:endParaRPr>
                    </a:p>
                  </a:txBody>
                  <a:tcPr anchor="ctr">
                    <a:solidFill>
                      <a:schemeClr val="accent5">
                        <a:lumMod val="20000"/>
                        <a:lumOff val="80000"/>
                      </a:schemeClr>
                    </a:solidFill>
                  </a:tcP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1.8</a:t>
                      </a:r>
                    </a:p>
                  </a:txBody>
                  <a:tcPr marL="68580" marR="68580" marT="0" marB="0" anchor="ctr">
                    <a:solidFill>
                      <a:schemeClr val="accent5">
                        <a:lumMod val="20000"/>
                        <a:lumOff val="80000"/>
                      </a:schemeClr>
                    </a:solidFill>
                  </a:tcP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2.5</a:t>
                      </a:r>
                    </a:p>
                  </a:txBody>
                  <a:tcPr marL="68580" marR="68580" marT="0" marB="0" anchor="ctr">
                    <a:solidFill>
                      <a:schemeClr val="accent5">
                        <a:lumMod val="20000"/>
                        <a:lumOff val="80000"/>
                      </a:schemeClr>
                    </a:solidFill>
                  </a:tcP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2.2</a:t>
                      </a:r>
                    </a:p>
                  </a:txBody>
                  <a:tcPr marL="68580" marR="68580" marT="0" marB="0" anchor="ctr">
                    <a:solidFill>
                      <a:schemeClr val="accent5">
                        <a:lumMod val="20000"/>
                        <a:lumOff val="80000"/>
                      </a:schemeClr>
                    </a:solidFill>
                  </a:tcP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1.9</a:t>
                      </a:r>
                    </a:p>
                  </a:txBody>
                  <a:tcPr marL="68580" marR="68580" marT="0" marB="0" anchor="ctr">
                    <a:solidFill>
                      <a:schemeClr val="accent5">
                        <a:lumMod val="20000"/>
                        <a:lumOff val="80000"/>
                      </a:schemeClr>
                    </a:solidFill>
                  </a:tcPr>
                </a:tc>
                <a:extLst>
                  <a:ext uri="{0D108BD9-81ED-4DB2-BD59-A6C34878D82A}">
                    <a16:rowId xmlns:a16="http://schemas.microsoft.com/office/drawing/2014/main" val="10003"/>
                  </a:ext>
                </a:extLst>
              </a:tr>
              <a:tr h="454511">
                <a:tc>
                  <a:txBody>
                    <a:bodyPr/>
                    <a:lstStyle/>
                    <a:p>
                      <a:pPr marL="91440"/>
                      <a:r>
                        <a:rPr lang="en-US" sz="2000" baseline="0" dirty="0">
                          <a:latin typeface="Arial" panose="020B0604020202020204" pitchFamily="34" charset="0"/>
                          <a:cs typeface="Arial" panose="020B0604020202020204" pitchFamily="34" charset="0"/>
                        </a:rPr>
                        <a:t>   Japan</a:t>
                      </a:r>
                      <a:endParaRPr lang="en-US" sz="2000" b="0" baseline="0" dirty="0">
                        <a:latin typeface="Arial" panose="020B0604020202020204" pitchFamily="34" charset="0"/>
                        <a:cs typeface="Arial" panose="020B0604020202020204" pitchFamily="34" charset="0"/>
                      </a:endParaRPr>
                    </a:p>
                  </a:txBody>
                  <a:tcPr anchor="ct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0.9</a:t>
                      </a:r>
                    </a:p>
                  </a:txBody>
                  <a:tcPr marL="68580" marR="68580" marT="0" marB="0" anchor="ct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1.7</a:t>
                      </a:r>
                    </a:p>
                  </a:txBody>
                  <a:tcPr marL="68580" marR="68580" marT="0" marB="0" anchor="ct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1.4</a:t>
                      </a:r>
                    </a:p>
                  </a:txBody>
                  <a:tcPr marL="68580" marR="68580" marT="0" marB="0" anchor="ctr"/>
                </a:tc>
                <a:tc>
                  <a:txBody>
                    <a:bodyPr/>
                    <a:lstStyle/>
                    <a:p>
                      <a:pPr marL="0" marR="0" algn="ctr">
                        <a:lnSpc>
                          <a:spcPct val="115000"/>
                        </a:lnSpc>
                        <a:spcBef>
                          <a:spcPts val="0"/>
                        </a:spcBef>
                        <a:spcAft>
                          <a:spcPts val="0"/>
                        </a:spcAft>
                      </a:pPr>
                      <a:r>
                        <a:rPr lang="en-US" sz="2000" dirty="0">
                          <a:effectLst/>
                          <a:latin typeface="Arial" panose="020B0604020202020204" pitchFamily="34" charset="0"/>
                          <a:ea typeface="Calibri"/>
                          <a:cs typeface="Arial" panose="020B0604020202020204" pitchFamily="34" charset="0"/>
                        </a:rPr>
                        <a:t>1.0</a:t>
                      </a:r>
                    </a:p>
                  </a:txBody>
                  <a:tcPr marL="68580" marR="68580" marT="0" marB="0" anchor="ctr"/>
                </a:tc>
                <a:extLst>
                  <a:ext uri="{0D108BD9-81ED-4DB2-BD59-A6C34878D82A}">
                    <a16:rowId xmlns:a16="http://schemas.microsoft.com/office/drawing/2014/main" val="10004"/>
                  </a:ext>
                </a:extLst>
              </a:tr>
            </a:tbl>
          </a:graphicData>
        </a:graphic>
      </p:graphicFrame>
      <p:sp>
        <p:nvSpPr>
          <p:cNvPr id="4" name="Rectangle 3"/>
          <p:cNvSpPr/>
          <p:nvPr/>
        </p:nvSpPr>
        <p:spPr>
          <a:xfrm>
            <a:off x="528143" y="4572000"/>
            <a:ext cx="7886701" cy="1015663"/>
          </a:xfrm>
          <a:prstGeom prst="rect">
            <a:avLst/>
          </a:prstGeom>
        </p:spPr>
        <p:txBody>
          <a:bodyPr wrap="square">
            <a:spAutoFit/>
          </a:bodyPr>
          <a:lstStyle/>
          <a:p>
            <a:r>
              <a:rPr lang="en-US" sz="1200" baseline="30000" dirty="0">
                <a:latin typeface="Arial" panose="020B0604020202020204" pitchFamily="34" charset="0"/>
                <a:cs typeface="Arial" panose="020B0604020202020204" pitchFamily="34" charset="0"/>
              </a:rPr>
              <a:t>a </a:t>
            </a:r>
            <a:r>
              <a:rPr lang="en-US" sz="1200" dirty="0">
                <a:latin typeface="Arial" panose="020B0604020202020204" pitchFamily="34" charset="0"/>
                <a:cs typeface="Arial" panose="020B0604020202020204" pitchFamily="34" charset="0"/>
              </a:rPr>
              <a:t>Average growth rates are weighed by gross national income, Atlas method. </a:t>
            </a:r>
          </a:p>
          <a:p>
            <a:r>
              <a:rPr lang="en-US" sz="1200" dirty="0">
                <a:latin typeface="Arial" panose="020B0604020202020204" pitchFamily="34" charset="0"/>
                <a:cs typeface="Arial" panose="020B0604020202020204" pitchFamily="34" charset="0"/>
              </a:rPr>
              <a:t>Sources: US Department of Commerce, Bureau of Economic Analysis, http://www.bea.gov; Eurostat, http://epp.eurostat.ec.europa.eu; Economic and Social Research Institute of Japan, http://www.esri.cao.go.jp; Consensus Forecasts; Bloomberg; CEIC Data Company; Haver Analytics; World Bank, Global Commodity Markets, http://www.worldbank.org; ADB estimates.</a:t>
            </a:r>
          </a:p>
        </p:txBody>
      </p:sp>
    </p:spTree>
    <p:extLst>
      <p:ext uri="{BB962C8B-B14F-4D97-AF65-F5344CB8AC3E}">
        <p14:creationId xmlns:p14="http://schemas.microsoft.com/office/powerpoint/2010/main" val="276738377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198940"/>
            <a:ext cx="8229600" cy="786983"/>
          </a:xfrm>
        </p:spPr>
        <p:txBody>
          <a:bodyPr>
            <a:noAutofit/>
          </a:bodyPr>
          <a:lstStyle/>
          <a:p>
            <a:pPr algn="ctr"/>
            <a:r>
              <a:rPr lang="en-US" sz="3200" b="1" dirty="0">
                <a:latin typeface="Arial" panose="020B0604020202020204" pitchFamily="34" charset="0"/>
                <a:cs typeface="Arial" panose="020B0604020202020204" pitchFamily="34" charset="0"/>
              </a:rPr>
              <a:t>Synchronized trade resurgence in 2017… </a:t>
            </a:r>
          </a:p>
        </p:txBody>
      </p:sp>
      <p:graphicFrame>
        <p:nvGraphicFramePr>
          <p:cNvPr id="9" name="Content Placeholder 8">
            <a:extLst>
              <a:ext uri="{FF2B5EF4-FFF2-40B4-BE49-F238E27FC236}">
                <a16:creationId xmlns:a16="http://schemas.microsoft.com/office/drawing/2014/main" id="{9ABC7EF6-5C93-42AE-84F9-86BB529831C9}"/>
              </a:ext>
            </a:extLst>
          </p:cNvPr>
          <p:cNvGraphicFramePr>
            <a:graphicFrameLocks noGrp="1"/>
          </p:cNvGraphicFramePr>
          <p:nvPr>
            <p:ph sz="half" idx="1"/>
            <p:extLst>
              <p:ext uri="{D42A27DB-BD31-4B8C-83A1-F6EECF244321}">
                <p14:modId xmlns:p14="http://schemas.microsoft.com/office/powerpoint/2010/main" val="2255027266"/>
              </p:ext>
            </p:extLst>
          </p:nvPr>
        </p:nvGraphicFramePr>
        <p:xfrm>
          <a:off x="818487" y="1301463"/>
          <a:ext cx="3474720" cy="483768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Content Placeholder 12">
            <a:extLst>
              <a:ext uri="{FF2B5EF4-FFF2-40B4-BE49-F238E27FC236}">
                <a16:creationId xmlns:a16="http://schemas.microsoft.com/office/drawing/2014/main" id="{EE937C2D-9C0B-4995-A59D-BD21F4A9579A}"/>
              </a:ext>
            </a:extLst>
          </p:cNvPr>
          <p:cNvGraphicFramePr>
            <a:graphicFrameLocks noGrp="1"/>
          </p:cNvGraphicFramePr>
          <p:nvPr>
            <p:ph sz="half" idx="2"/>
            <p:extLst>
              <p:ext uri="{D42A27DB-BD31-4B8C-83A1-F6EECF244321}">
                <p14:modId xmlns:p14="http://schemas.microsoft.com/office/powerpoint/2010/main" val="408036055"/>
              </p:ext>
            </p:extLst>
          </p:nvPr>
        </p:nvGraphicFramePr>
        <p:xfrm>
          <a:off x="4523570" y="1301463"/>
          <a:ext cx="3474720" cy="4847986"/>
        </p:xfrm>
        <a:graphic>
          <a:graphicData uri="http://schemas.openxmlformats.org/drawingml/2006/chart">
            <c:chart xmlns:c="http://schemas.openxmlformats.org/drawingml/2006/chart" xmlns:r="http://schemas.openxmlformats.org/officeDocument/2006/relationships" r:id="rId4"/>
          </a:graphicData>
        </a:graphic>
      </p:graphicFrame>
      <p:sp>
        <p:nvSpPr>
          <p:cNvPr id="4" name="Slide Number Placeholder 3"/>
          <p:cNvSpPr>
            <a:spLocks noGrp="1"/>
          </p:cNvSpPr>
          <p:nvPr>
            <p:ph type="sldNum" sz="quarter" idx="12"/>
          </p:nvPr>
        </p:nvSpPr>
        <p:spPr>
          <a:xfrm>
            <a:off x="6705600" y="6579286"/>
            <a:ext cx="2133600" cy="142189"/>
          </a:xfrm>
        </p:spPr>
        <p:txBody>
          <a:bodyPr/>
          <a:lstStyle/>
          <a:p>
            <a:pPr>
              <a:defRPr/>
            </a:pPr>
            <a:fld id="{5B9C16F2-B942-4B0F-BC96-420841E7E5D0}" type="slidenum">
              <a:rPr lang="en-US" smtClean="0">
                <a:solidFill>
                  <a:schemeClr val="tx1"/>
                </a:solidFill>
              </a:rPr>
              <a:pPr>
                <a:defRPr/>
              </a:pPr>
              <a:t>6</a:t>
            </a:fld>
            <a:endParaRPr lang="en-US" dirty="0">
              <a:solidFill>
                <a:schemeClr val="tx1"/>
              </a:solidFill>
            </a:endParaRPr>
          </a:p>
        </p:txBody>
      </p:sp>
      <p:sp>
        <p:nvSpPr>
          <p:cNvPr id="21" name="TextBox 20"/>
          <p:cNvSpPr txBox="1"/>
          <p:nvPr/>
        </p:nvSpPr>
        <p:spPr>
          <a:xfrm>
            <a:off x="387115" y="6337141"/>
            <a:ext cx="7644459" cy="246221"/>
          </a:xfrm>
          <a:prstGeom prst="rect">
            <a:avLst/>
          </a:prstGeom>
          <a:noFill/>
        </p:spPr>
        <p:txBody>
          <a:bodyPr wrap="square" rtlCol="0">
            <a:spAutoFit/>
          </a:bodyPr>
          <a:lstStyle/>
          <a:p>
            <a:r>
              <a:rPr lang="en-US" sz="1000" dirty="0">
                <a:latin typeface="Arial" panose="020B0604020202020204" pitchFamily="34" charset="0"/>
                <a:cs typeface="Arial" panose="020B0604020202020204" pitchFamily="34" charset="0"/>
              </a:rPr>
              <a:t>Sources: CEIC Data Company and Haver Analytics (accessed 3 March 2018).</a:t>
            </a:r>
          </a:p>
        </p:txBody>
      </p:sp>
      <p:sp>
        <p:nvSpPr>
          <p:cNvPr id="22" name="TextBox 21"/>
          <p:cNvSpPr txBox="1"/>
          <p:nvPr/>
        </p:nvSpPr>
        <p:spPr>
          <a:xfrm>
            <a:off x="399344" y="6145373"/>
            <a:ext cx="7620000" cy="246221"/>
          </a:xfrm>
          <a:prstGeom prst="rect">
            <a:avLst/>
          </a:prstGeom>
          <a:noFill/>
        </p:spPr>
        <p:txBody>
          <a:bodyPr wrap="square" rtlCol="0">
            <a:spAutoFit/>
          </a:bodyPr>
          <a:lstStyle/>
          <a:p>
            <a:r>
              <a:rPr lang="en-US" sz="1000" dirty="0">
                <a:latin typeface="Arial" panose="020B0604020202020204" pitchFamily="34" charset="0"/>
                <a:cs typeface="Arial" panose="020B0604020202020204" pitchFamily="34" charset="0"/>
              </a:rPr>
              <a:t>Note: For BRU, CAM, and MYA, 2017 refers to data as of November; and for KGZ, as of April.</a:t>
            </a:r>
          </a:p>
        </p:txBody>
      </p:sp>
      <p:sp>
        <p:nvSpPr>
          <p:cNvPr id="3" name="TextBox 2">
            <a:extLst>
              <a:ext uri="{FF2B5EF4-FFF2-40B4-BE49-F238E27FC236}">
                <a16:creationId xmlns:a16="http://schemas.microsoft.com/office/drawing/2014/main" id="{505A1FE7-C1CC-419C-9B32-72FB5C5CA449}"/>
              </a:ext>
            </a:extLst>
          </p:cNvPr>
          <p:cNvSpPr txBox="1"/>
          <p:nvPr/>
        </p:nvSpPr>
        <p:spPr>
          <a:xfrm>
            <a:off x="1331262" y="985923"/>
            <a:ext cx="2905852" cy="338554"/>
          </a:xfrm>
          <a:prstGeom prst="rect">
            <a:avLst/>
          </a:prstGeom>
          <a:noFill/>
        </p:spPr>
        <p:txBody>
          <a:bodyPr wrap="square" rtlCol="0">
            <a:spAutoFit/>
          </a:bodyPr>
          <a:lstStyle/>
          <a:p>
            <a:r>
              <a:rPr lang="en-US" sz="1600" b="1" dirty="0">
                <a:solidFill>
                  <a:srgbClr val="0070C0"/>
                </a:solidFill>
                <a:latin typeface="Arial" panose="020B0604020202020204" pitchFamily="34" charset="0"/>
                <a:cs typeface="Arial" panose="020B0604020202020204" pitchFamily="34" charset="0"/>
              </a:rPr>
              <a:t>Growth in nominal exports</a:t>
            </a:r>
          </a:p>
        </p:txBody>
      </p:sp>
      <p:sp>
        <p:nvSpPr>
          <p:cNvPr id="10" name="TextBox 9">
            <a:extLst>
              <a:ext uri="{FF2B5EF4-FFF2-40B4-BE49-F238E27FC236}">
                <a16:creationId xmlns:a16="http://schemas.microsoft.com/office/drawing/2014/main" id="{FD6FBB11-7789-4ADA-888C-A6C7FCC4023D}"/>
              </a:ext>
            </a:extLst>
          </p:cNvPr>
          <p:cNvSpPr txBox="1"/>
          <p:nvPr/>
        </p:nvSpPr>
        <p:spPr>
          <a:xfrm>
            <a:off x="5049176" y="990857"/>
            <a:ext cx="3131994" cy="338554"/>
          </a:xfrm>
          <a:prstGeom prst="rect">
            <a:avLst/>
          </a:prstGeom>
          <a:noFill/>
        </p:spPr>
        <p:txBody>
          <a:bodyPr wrap="square" rtlCol="0">
            <a:spAutoFit/>
          </a:bodyPr>
          <a:lstStyle/>
          <a:p>
            <a:r>
              <a:rPr lang="en-US" sz="1600" b="1" dirty="0">
                <a:solidFill>
                  <a:srgbClr val="0070C0"/>
                </a:solidFill>
                <a:latin typeface="Arial" panose="020B0604020202020204" pitchFamily="34" charset="0"/>
                <a:cs typeface="Arial" panose="020B0604020202020204" pitchFamily="34" charset="0"/>
              </a:rPr>
              <a:t>Growth in nominal imports</a:t>
            </a:r>
          </a:p>
        </p:txBody>
      </p:sp>
    </p:spTree>
    <p:extLst>
      <p:ext uri="{BB962C8B-B14F-4D97-AF65-F5344CB8AC3E}">
        <p14:creationId xmlns:p14="http://schemas.microsoft.com/office/powerpoint/2010/main" val="341806293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a:extLst>
              <a:ext uri="{FF2B5EF4-FFF2-40B4-BE49-F238E27FC236}">
                <a16:creationId xmlns:a16="http://schemas.microsoft.com/office/drawing/2014/main" id="{01B7015C-B6E1-428C-A1D6-E63EB2FCD75B}"/>
              </a:ext>
            </a:extLst>
          </p:cNvPr>
          <p:cNvSpPr/>
          <p:nvPr/>
        </p:nvSpPr>
        <p:spPr>
          <a:xfrm>
            <a:off x="6858000" y="2743200"/>
            <a:ext cx="1524000" cy="2333624"/>
          </a:xfrm>
          <a:prstGeom prst="rect">
            <a:avLst/>
          </a:prstGeom>
          <a:solidFill>
            <a:schemeClr val="accent6">
              <a:lumMod val="40000"/>
              <a:lumOff val="60000"/>
              <a:alpha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 name="Slide Number Placeholder 3">
            <a:extLst>
              <a:ext uri="{FF2B5EF4-FFF2-40B4-BE49-F238E27FC236}">
                <a16:creationId xmlns:a16="http://schemas.microsoft.com/office/drawing/2014/main" id="{6BA4C9C1-CAF0-471B-8A08-7A0F7AD5B992}"/>
              </a:ext>
            </a:extLst>
          </p:cNvPr>
          <p:cNvSpPr>
            <a:spLocks noGrp="1"/>
          </p:cNvSpPr>
          <p:nvPr>
            <p:ph type="sldNum" sz="quarter" idx="12"/>
          </p:nvPr>
        </p:nvSpPr>
        <p:spPr>
          <a:xfrm>
            <a:off x="6700680" y="6553200"/>
            <a:ext cx="2133600" cy="168275"/>
          </a:xfrm>
        </p:spPr>
        <p:txBody>
          <a:bodyPr/>
          <a:lstStyle/>
          <a:p>
            <a:fld id="{2D2BA73B-819F-4F5C-A415-CC1AB3DC340A}" type="slidenum">
              <a:rPr lang="en-US" smtClean="0">
                <a:solidFill>
                  <a:schemeClr val="tx1"/>
                </a:solidFill>
              </a:rPr>
              <a:pPr/>
              <a:t>7</a:t>
            </a:fld>
            <a:endParaRPr lang="en-US" dirty="0">
              <a:solidFill>
                <a:schemeClr val="tx1"/>
              </a:solidFill>
            </a:endParaRPr>
          </a:p>
        </p:txBody>
      </p:sp>
      <p:sp>
        <p:nvSpPr>
          <p:cNvPr id="5" name="Title 1">
            <a:extLst>
              <a:ext uri="{FF2B5EF4-FFF2-40B4-BE49-F238E27FC236}">
                <a16:creationId xmlns:a16="http://schemas.microsoft.com/office/drawing/2014/main" id="{315361BD-BD31-464D-BE59-A8CBBE93F807}"/>
              </a:ext>
            </a:extLst>
          </p:cNvPr>
          <p:cNvSpPr>
            <a:spLocks noGrp="1"/>
          </p:cNvSpPr>
          <p:nvPr>
            <p:ph type="title"/>
          </p:nvPr>
        </p:nvSpPr>
        <p:spPr>
          <a:xfrm>
            <a:off x="223232" y="208508"/>
            <a:ext cx="8727338" cy="921296"/>
          </a:xfrm>
        </p:spPr>
        <p:txBody>
          <a:bodyPr>
            <a:noAutofit/>
          </a:bodyPr>
          <a:lstStyle/>
          <a:p>
            <a:pPr algn="ctr"/>
            <a:r>
              <a:rPr lang="en-US" sz="3600" b="1" dirty="0">
                <a:latin typeface="Arial" panose="020B0604020202020204" pitchFamily="34" charset="0"/>
                <a:cs typeface="Arial" panose="020B0604020202020204" pitchFamily="34" charset="0"/>
              </a:rPr>
              <a:t>...to continue at a more modest pace</a:t>
            </a:r>
          </a:p>
        </p:txBody>
      </p:sp>
      <p:graphicFrame>
        <p:nvGraphicFramePr>
          <p:cNvPr id="6" name="Content Placeholder 5">
            <a:extLst>
              <a:ext uri="{FF2B5EF4-FFF2-40B4-BE49-F238E27FC236}">
                <a16:creationId xmlns:a16="http://schemas.microsoft.com/office/drawing/2014/main" id="{62C5E05F-52B5-4C67-8C1B-975244ABBEE0}"/>
              </a:ext>
            </a:extLst>
          </p:cNvPr>
          <p:cNvGraphicFramePr>
            <a:graphicFrameLocks noGrp="1"/>
          </p:cNvGraphicFramePr>
          <p:nvPr>
            <p:ph idx="1"/>
            <p:extLst>
              <p:ext uri="{D42A27DB-BD31-4B8C-83A1-F6EECF244321}">
                <p14:modId xmlns:p14="http://schemas.microsoft.com/office/powerpoint/2010/main" val="4107003008"/>
              </p:ext>
            </p:extLst>
          </p:nvPr>
        </p:nvGraphicFramePr>
        <p:xfrm>
          <a:off x="228600" y="1476717"/>
          <a:ext cx="4290811" cy="4338981"/>
        </p:xfrm>
        <a:graphic>
          <a:graphicData uri="http://schemas.openxmlformats.org/drawingml/2006/chart">
            <c:chart xmlns:c="http://schemas.openxmlformats.org/drawingml/2006/chart" xmlns:r="http://schemas.openxmlformats.org/officeDocument/2006/relationships" r:id="rId3"/>
          </a:graphicData>
        </a:graphic>
      </p:graphicFrame>
      <p:sp>
        <p:nvSpPr>
          <p:cNvPr id="7" name="Rectangle 6">
            <a:extLst>
              <a:ext uri="{FF2B5EF4-FFF2-40B4-BE49-F238E27FC236}">
                <a16:creationId xmlns:a16="http://schemas.microsoft.com/office/drawing/2014/main" id="{114EA239-64EF-4775-A591-8E3BD236DD5D}"/>
              </a:ext>
            </a:extLst>
          </p:cNvPr>
          <p:cNvSpPr/>
          <p:nvPr/>
        </p:nvSpPr>
        <p:spPr>
          <a:xfrm>
            <a:off x="235932" y="5676176"/>
            <a:ext cx="4572000" cy="246221"/>
          </a:xfrm>
          <a:prstGeom prst="rect">
            <a:avLst/>
          </a:prstGeom>
        </p:spPr>
        <p:txBody>
          <a:bodyPr>
            <a:spAutoFit/>
          </a:bodyPr>
          <a:lstStyle/>
          <a:p>
            <a:r>
              <a:rPr lang="en-US" sz="1000" dirty="0">
                <a:latin typeface="Arial" panose="020B0604020202020204" pitchFamily="34" charset="0"/>
                <a:cs typeface="Arial" panose="020B0604020202020204" pitchFamily="34" charset="0"/>
              </a:rPr>
              <a:t>Source: CEIC Data Company (accessed 2 March 2018)</a:t>
            </a:r>
          </a:p>
        </p:txBody>
      </p:sp>
      <p:sp>
        <p:nvSpPr>
          <p:cNvPr id="10" name="TextBox 9">
            <a:extLst>
              <a:ext uri="{FF2B5EF4-FFF2-40B4-BE49-F238E27FC236}">
                <a16:creationId xmlns:a16="http://schemas.microsoft.com/office/drawing/2014/main" id="{0CA097F1-9F2A-4A05-BDA2-AAFBCDD39A15}"/>
              </a:ext>
            </a:extLst>
          </p:cNvPr>
          <p:cNvSpPr txBox="1"/>
          <p:nvPr/>
        </p:nvSpPr>
        <p:spPr>
          <a:xfrm>
            <a:off x="4839648" y="5550814"/>
            <a:ext cx="3124201" cy="861774"/>
          </a:xfrm>
          <a:prstGeom prst="rect">
            <a:avLst/>
          </a:prstGeom>
          <a:noFill/>
        </p:spPr>
        <p:txBody>
          <a:bodyPr wrap="square" rtlCol="0">
            <a:spAutoFit/>
          </a:bodyPr>
          <a:lstStyle/>
          <a:p>
            <a:r>
              <a:rPr lang="en-US" sz="1000" dirty="0">
                <a:latin typeface="Arial" panose="020B0604020202020204" pitchFamily="34" charset="0"/>
                <a:cs typeface="Arial" panose="020B0604020202020204" pitchFamily="34" charset="0"/>
              </a:rPr>
              <a:t>IC = integrated circuits</a:t>
            </a:r>
          </a:p>
          <a:p>
            <a:r>
              <a:rPr lang="en-US" sz="1000" dirty="0">
                <a:latin typeface="Arial" panose="020B0604020202020204" pitchFamily="34" charset="0"/>
                <a:cs typeface="Arial" panose="020B0604020202020204" pitchFamily="34" charset="0"/>
              </a:rPr>
              <a:t>Notes: Forecasts are as of 28 November 2017. Numbers are rounded up.</a:t>
            </a:r>
          </a:p>
          <a:p>
            <a:r>
              <a:rPr lang="en-US" sz="1000" dirty="0">
                <a:latin typeface="Arial" panose="020B0604020202020204" pitchFamily="34" charset="0"/>
                <a:cs typeface="Arial" panose="020B0604020202020204" pitchFamily="34" charset="0"/>
              </a:rPr>
              <a:t>Source: World Semiconductor Trade Statistics (http:/www.wsts.org).</a:t>
            </a:r>
          </a:p>
        </p:txBody>
      </p:sp>
      <p:sp>
        <p:nvSpPr>
          <p:cNvPr id="2" name="TextBox 1"/>
          <p:cNvSpPr txBox="1"/>
          <p:nvPr/>
        </p:nvSpPr>
        <p:spPr>
          <a:xfrm>
            <a:off x="223232" y="1416610"/>
            <a:ext cx="4296179" cy="369332"/>
          </a:xfrm>
          <a:prstGeom prst="rect">
            <a:avLst/>
          </a:prstGeom>
          <a:noFill/>
        </p:spPr>
        <p:txBody>
          <a:bodyPr wrap="square" rtlCol="0">
            <a:spAutoFit/>
          </a:bodyPr>
          <a:lstStyle/>
          <a:p>
            <a:r>
              <a:rPr lang="en-US" b="1" dirty="0">
                <a:solidFill>
                  <a:srgbClr val="0070C0"/>
                </a:solidFill>
                <a:latin typeface="Arial" panose="020B0604020202020204" pitchFamily="34" charset="0"/>
                <a:cs typeface="Arial" panose="020B0604020202020204" pitchFamily="34" charset="0"/>
              </a:rPr>
              <a:t>Exports growth, selected economies</a:t>
            </a:r>
          </a:p>
        </p:txBody>
      </p:sp>
      <p:sp>
        <p:nvSpPr>
          <p:cNvPr id="11" name="TextBox 10"/>
          <p:cNvSpPr txBox="1"/>
          <p:nvPr/>
        </p:nvSpPr>
        <p:spPr>
          <a:xfrm>
            <a:off x="4688552" y="1421623"/>
            <a:ext cx="4079138" cy="369332"/>
          </a:xfrm>
          <a:prstGeom prst="rect">
            <a:avLst/>
          </a:prstGeom>
          <a:noFill/>
        </p:spPr>
        <p:txBody>
          <a:bodyPr wrap="square" rtlCol="0">
            <a:spAutoFit/>
          </a:bodyPr>
          <a:lstStyle/>
          <a:p>
            <a:r>
              <a:rPr lang="en-US" b="1" dirty="0">
                <a:solidFill>
                  <a:srgbClr val="0070C0"/>
                </a:solidFill>
                <a:latin typeface="Arial" panose="020B0604020202020204" pitchFamily="34" charset="0"/>
                <a:cs typeface="Arial" panose="020B0604020202020204" pitchFamily="34" charset="0"/>
              </a:rPr>
              <a:t>Semiconductor shipments</a:t>
            </a:r>
          </a:p>
        </p:txBody>
      </p:sp>
      <p:graphicFrame>
        <p:nvGraphicFramePr>
          <p:cNvPr id="14" name="Chart 13"/>
          <p:cNvGraphicFramePr/>
          <p:nvPr>
            <p:extLst>
              <p:ext uri="{D42A27DB-BD31-4B8C-83A1-F6EECF244321}">
                <p14:modId xmlns:p14="http://schemas.microsoft.com/office/powerpoint/2010/main" val="3957264761"/>
              </p:ext>
            </p:extLst>
          </p:nvPr>
        </p:nvGraphicFramePr>
        <p:xfrm>
          <a:off x="4648200" y="1810327"/>
          <a:ext cx="4302370" cy="3650674"/>
        </p:xfrm>
        <a:graphic>
          <a:graphicData uri="http://schemas.openxmlformats.org/drawingml/2006/chart">
            <c:chart xmlns:c="http://schemas.openxmlformats.org/drawingml/2006/chart" xmlns:r="http://schemas.openxmlformats.org/officeDocument/2006/relationships" r:id="rId4"/>
          </a:graphicData>
        </a:graphic>
      </p:graphicFrame>
      <p:sp>
        <p:nvSpPr>
          <p:cNvPr id="12" name="TextBox 11">
            <a:extLst/>
          </p:cNvPr>
          <p:cNvSpPr txBox="1"/>
          <p:nvPr/>
        </p:nvSpPr>
        <p:spPr>
          <a:xfrm>
            <a:off x="223232" y="5866577"/>
            <a:ext cx="4348768" cy="707886"/>
          </a:xfrm>
          <a:prstGeom prst="rect">
            <a:avLst/>
          </a:prstGeom>
          <a:noFill/>
        </p:spPr>
        <p:txBody>
          <a:bodyPr wrap="square" rtlCol="0">
            <a:spAutoFit/>
          </a:bodyPr>
          <a:lstStyle/>
          <a:p>
            <a:pPr marL="0" indent="0">
              <a:buFont typeface="Arial" panose="020B0604020202020204" pitchFamily="34" charset="0"/>
              <a:buNone/>
            </a:pPr>
            <a:r>
              <a:rPr lang="en-US" sz="1000" dirty="0">
                <a:latin typeface="Arial" panose="020B0604020202020204" pitchFamily="34" charset="0"/>
                <a:cs typeface="Arial" panose="020B0604020202020204" pitchFamily="34" charset="0"/>
              </a:rPr>
              <a:t>Notes: ASEAN-5  is composed of Indonesia, Malaysia, the Philippines, Thailand and Viet Nam; NIEs – are newly-industrialized economies composed of Hong Kong, China; Republic of Korea; Singapore; and </a:t>
            </a:r>
            <a:r>
              <a:rPr lang="en-US" sz="1000" dirty="0" err="1">
                <a:latin typeface="Arial" panose="020B0604020202020204" pitchFamily="34" charset="0"/>
                <a:cs typeface="Arial" panose="020B0604020202020204" pitchFamily="34" charset="0"/>
              </a:rPr>
              <a:t>Taipei,China</a:t>
            </a:r>
            <a:r>
              <a:rPr lang="en-US" sz="1000" dirty="0">
                <a:latin typeface="Arial" panose="020B0604020202020204" pitchFamily="34" charset="0"/>
                <a:cs typeface="Arial" panose="020B0604020202020204" pitchFamily="34" charset="0"/>
              </a:rPr>
              <a:t> </a:t>
            </a:r>
          </a:p>
        </p:txBody>
      </p:sp>
    </p:spTree>
    <p:extLst>
      <p:ext uri="{BB962C8B-B14F-4D97-AF65-F5344CB8AC3E}">
        <p14:creationId xmlns:p14="http://schemas.microsoft.com/office/powerpoint/2010/main" val="393465385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Chart 7"/>
          <p:cNvGraphicFramePr/>
          <p:nvPr>
            <p:extLst>
              <p:ext uri="{D42A27DB-BD31-4B8C-83A1-F6EECF244321}">
                <p14:modId xmlns:p14="http://schemas.microsoft.com/office/powerpoint/2010/main" val="1669395467"/>
              </p:ext>
            </p:extLst>
          </p:nvPr>
        </p:nvGraphicFramePr>
        <p:xfrm>
          <a:off x="762000" y="1400369"/>
          <a:ext cx="7658100" cy="3705031"/>
        </p:xfrm>
        <a:graphic>
          <a:graphicData uri="http://schemas.openxmlformats.org/drawingml/2006/chart">
            <c:chart xmlns:c="http://schemas.openxmlformats.org/drawingml/2006/chart" xmlns:r="http://schemas.openxmlformats.org/officeDocument/2006/relationships" r:id="rId3"/>
          </a:graphicData>
        </a:graphic>
      </p:graphicFrame>
      <p:sp>
        <p:nvSpPr>
          <p:cNvPr id="2" name="Title 1"/>
          <p:cNvSpPr>
            <a:spLocks noGrp="1"/>
          </p:cNvSpPr>
          <p:nvPr>
            <p:ph type="title"/>
          </p:nvPr>
        </p:nvSpPr>
        <p:spPr>
          <a:xfrm>
            <a:off x="76200" y="327101"/>
            <a:ext cx="8915400" cy="642659"/>
          </a:xfrm>
        </p:spPr>
        <p:txBody>
          <a:bodyPr>
            <a:noAutofit/>
          </a:bodyPr>
          <a:lstStyle/>
          <a:p>
            <a:pPr algn="ctr"/>
            <a:r>
              <a:rPr lang="en-US" sz="3600" b="1" dirty="0">
                <a:latin typeface="Arial" panose="020B0604020202020204" pitchFamily="34" charset="0"/>
                <a:cs typeface="Arial" panose="020B0604020202020204" pitchFamily="34" charset="0"/>
              </a:rPr>
              <a:t>Domestic demand still the </a:t>
            </a:r>
            <a:br>
              <a:rPr lang="en-US" sz="3600" b="1" dirty="0">
                <a:latin typeface="Arial" panose="020B0604020202020204" pitchFamily="34" charset="0"/>
                <a:cs typeface="Arial" panose="020B0604020202020204" pitchFamily="34" charset="0"/>
              </a:rPr>
            </a:br>
            <a:r>
              <a:rPr lang="en-US" sz="3600" b="1" dirty="0">
                <a:latin typeface="Arial" panose="020B0604020202020204" pitchFamily="34" charset="0"/>
                <a:cs typeface="Arial" panose="020B0604020202020204" pitchFamily="34" charset="0"/>
              </a:rPr>
              <a:t>main growth driver…</a:t>
            </a:r>
          </a:p>
        </p:txBody>
      </p:sp>
      <p:sp>
        <p:nvSpPr>
          <p:cNvPr id="4" name="Slide Number Placeholder 3"/>
          <p:cNvSpPr>
            <a:spLocks noGrp="1"/>
          </p:cNvSpPr>
          <p:nvPr>
            <p:ph type="sldNum" sz="quarter" idx="12"/>
          </p:nvPr>
        </p:nvSpPr>
        <p:spPr>
          <a:xfrm>
            <a:off x="6705600" y="6581336"/>
            <a:ext cx="2133600" cy="168275"/>
          </a:xfrm>
        </p:spPr>
        <p:txBody>
          <a:bodyPr/>
          <a:lstStyle/>
          <a:p>
            <a:fld id="{2D2BA73B-819F-4F5C-A415-CC1AB3DC340A}" type="slidenum">
              <a:rPr lang="en-US" smtClean="0">
                <a:solidFill>
                  <a:schemeClr val="tx1"/>
                </a:solidFill>
              </a:rPr>
              <a:pPr/>
              <a:t>8</a:t>
            </a:fld>
            <a:endParaRPr lang="en-US" dirty="0">
              <a:solidFill>
                <a:schemeClr val="tx1"/>
              </a:solidFill>
            </a:endParaRPr>
          </a:p>
        </p:txBody>
      </p:sp>
      <p:cxnSp>
        <p:nvCxnSpPr>
          <p:cNvPr id="5" name="Straight Connector 4"/>
          <p:cNvCxnSpPr/>
          <p:nvPr/>
        </p:nvCxnSpPr>
        <p:spPr>
          <a:xfrm flipV="1">
            <a:off x="2438400" y="2286000"/>
            <a:ext cx="0" cy="2118500"/>
          </a:xfrm>
          <a:prstGeom prst="line">
            <a:avLst/>
          </a:prstGeom>
          <a:ln w="12700">
            <a:solidFill>
              <a:srgbClr val="C00000"/>
            </a:solidFill>
            <a:prstDash val="dash"/>
          </a:ln>
        </p:spPr>
        <p:style>
          <a:lnRef idx="1">
            <a:schemeClr val="accent1"/>
          </a:lnRef>
          <a:fillRef idx="0">
            <a:schemeClr val="accent1"/>
          </a:fillRef>
          <a:effectRef idx="0">
            <a:schemeClr val="accent1"/>
          </a:effectRef>
          <a:fontRef idx="minor">
            <a:schemeClr val="tx1"/>
          </a:fontRef>
        </p:style>
      </p:cxnSp>
      <p:sp>
        <p:nvSpPr>
          <p:cNvPr id="3" name="Rectangle 2"/>
          <p:cNvSpPr/>
          <p:nvPr/>
        </p:nvSpPr>
        <p:spPr>
          <a:xfrm>
            <a:off x="3449497" y="2287559"/>
            <a:ext cx="583814" cy="307777"/>
          </a:xfrm>
          <a:prstGeom prst="rect">
            <a:avLst/>
          </a:prstGeom>
        </p:spPr>
        <p:txBody>
          <a:bodyPr wrap="none">
            <a:spAutoFit/>
          </a:bodyPr>
          <a:lstStyle/>
          <a:p>
            <a:pPr algn="ctr"/>
            <a:r>
              <a:rPr lang="en-US" sz="1400" b="1" dirty="0">
                <a:solidFill>
                  <a:srgbClr val="C00000"/>
                </a:solidFill>
                <a:latin typeface="Arial" panose="020B0604020202020204" pitchFamily="34" charset="0"/>
                <a:cs typeface="Arial" panose="020B0604020202020204" pitchFamily="34" charset="0"/>
              </a:rPr>
              <a:t>NIEs</a:t>
            </a:r>
          </a:p>
        </p:txBody>
      </p:sp>
      <p:cxnSp>
        <p:nvCxnSpPr>
          <p:cNvPr id="10" name="Straight Connector 9"/>
          <p:cNvCxnSpPr/>
          <p:nvPr/>
        </p:nvCxnSpPr>
        <p:spPr>
          <a:xfrm flipV="1">
            <a:off x="5029200" y="2286000"/>
            <a:ext cx="0" cy="2166125"/>
          </a:xfrm>
          <a:prstGeom prst="line">
            <a:avLst/>
          </a:prstGeom>
          <a:ln w="12700">
            <a:solidFill>
              <a:srgbClr val="C00000"/>
            </a:solidFill>
            <a:prstDash val="dash"/>
          </a:ln>
        </p:spPr>
        <p:style>
          <a:lnRef idx="1">
            <a:schemeClr val="accent1"/>
          </a:lnRef>
          <a:fillRef idx="0">
            <a:schemeClr val="accent1"/>
          </a:fillRef>
          <a:effectRef idx="0">
            <a:schemeClr val="accent1"/>
          </a:effectRef>
          <a:fontRef idx="minor">
            <a:schemeClr val="tx1"/>
          </a:fontRef>
        </p:style>
      </p:cxnSp>
      <p:sp>
        <p:nvSpPr>
          <p:cNvPr id="11" name="TextBox 10"/>
          <p:cNvSpPr txBox="1"/>
          <p:nvPr/>
        </p:nvSpPr>
        <p:spPr>
          <a:xfrm>
            <a:off x="647700" y="4971355"/>
            <a:ext cx="7772400" cy="1384995"/>
          </a:xfrm>
          <a:prstGeom prst="rect">
            <a:avLst/>
          </a:prstGeom>
          <a:noFill/>
        </p:spPr>
        <p:txBody>
          <a:bodyPr wrap="square" rtlCol="0">
            <a:spAutoFit/>
          </a:bodyPr>
          <a:lstStyle/>
          <a:p>
            <a:r>
              <a:rPr lang="en-US" sz="1200" dirty="0">
                <a:latin typeface="Arial" panose="020B0604020202020204" pitchFamily="34" charset="0"/>
                <a:cs typeface="Arial" panose="020B0604020202020204" pitchFamily="34" charset="0"/>
              </a:rPr>
              <a:t>Notes: ASEAN = Association of Southeast Asian Nations; NIEs = newly industrialized economies; GDP = gross domestic product; HKG =  Hong Kong, China; IND = India; INO = Indonesia; KOR = Republic of Korea; MAL = Malaysia; PHI = the Philippines; PRC = People’s Republic of China;  SIN = Singapore; TAP = </a:t>
            </a:r>
            <a:r>
              <a:rPr lang="en-US" sz="1200" dirty="0" err="1">
                <a:latin typeface="Arial" panose="020B0604020202020204" pitchFamily="34" charset="0"/>
                <a:cs typeface="Arial" panose="020B0604020202020204" pitchFamily="34" charset="0"/>
              </a:rPr>
              <a:t>Taipei,China</a:t>
            </a:r>
            <a:r>
              <a:rPr lang="en-US" sz="1200" dirty="0">
                <a:latin typeface="Arial" panose="020B0604020202020204" pitchFamily="34" charset="0"/>
                <a:cs typeface="Arial" panose="020B0604020202020204" pitchFamily="34" charset="0"/>
              </a:rPr>
              <a:t>; THA = Thailand.  IND data refers to H1 FY2017. Components do not add up to total due to a statistical discrepancy.</a:t>
            </a:r>
          </a:p>
          <a:p>
            <a:endParaRPr lang="en-US" sz="1200" dirty="0">
              <a:latin typeface="Arial" panose="020B0604020202020204" pitchFamily="34" charset="0"/>
              <a:cs typeface="Arial" panose="020B0604020202020204" pitchFamily="34" charset="0"/>
            </a:endParaRPr>
          </a:p>
          <a:p>
            <a:r>
              <a:rPr lang="en-US" sz="1200" dirty="0">
                <a:latin typeface="Arial" panose="020B0604020202020204" pitchFamily="34" charset="0"/>
                <a:cs typeface="Arial" panose="020B0604020202020204" pitchFamily="34" charset="0"/>
              </a:rPr>
              <a:t>Sources:</a:t>
            </a:r>
            <a:r>
              <a:rPr lang="en-US" sz="1200" i="1" dirty="0">
                <a:latin typeface="Arial" panose="020B0604020202020204" pitchFamily="34" charset="0"/>
                <a:cs typeface="Arial" panose="020B0604020202020204" pitchFamily="34" charset="0"/>
              </a:rPr>
              <a:t> </a:t>
            </a:r>
            <a:r>
              <a:rPr lang="en-US" sz="1200" dirty="0">
                <a:latin typeface="Arial" panose="020B0604020202020204" pitchFamily="34" charset="0"/>
                <a:cs typeface="Arial" panose="020B0604020202020204" pitchFamily="34" charset="0"/>
              </a:rPr>
              <a:t>Haver Analytics and CEIC Data Company (accessed 2 March 2018);</a:t>
            </a:r>
            <a:r>
              <a:rPr lang="en-US" sz="1200" i="1" dirty="0">
                <a:latin typeface="Arial" panose="020B0604020202020204" pitchFamily="34" charset="0"/>
                <a:cs typeface="Arial" panose="020B0604020202020204" pitchFamily="34" charset="0"/>
              </a:rPr>
              <a:t> </a:t>
            </a:r>
          </a:p>
          <a:p>
            <a:r>
              <a:rPr lang="en-US" sz="1200" i="1" dirty="0">
                <a:latin typeface="Arial" panose="020B0604020202020204" pitchFamily="34" charset="0"/>
                <a:cs typeface="Arial" panose="020B0604020202020204" pitchFamily="34" charset="0"/>
              </a:rPr>
              <a:t>Asian Development Outlook </a:t>
            </a:r>
            <a:r>
              <a:rPr lang="en-US" sz="1200" dirty="0">
                <a:latin typeface="Arial" panose="020B0604020202020204" pitchFamily="34" charset="0"/>
                <a:cs typeface="Arial" panose="020B0604020202020204" pitchFamily="34" charset="0"/>
              </a:rPr>
              <a:t>database.</a:t>
            </a:r>
          </a:p>
        </p:txBody>
      </p:sp>
      <p:sp>
        <p:nvSpPr>
          <p:cNvPr id="14" name="Rectangle 13"/>
          <p:cNvSpPr/>
          <p:nvPr/>
        </p:nvSpPr>
        <p:spPr>
          <a:xfrm>
            <a:off x="6123679" y="2283023"/>
            <a:ext cx="973343" cy="307777"/>
          </a:xfrm>
          <a:prstGeom prst="rect">
            <a:avLst/>
          </a:prstGeom>
        </p:spPr>
        <p:txBody>
          <a:bodyPr wrap="none">
            <a:spAutoFit/>
          </a:bodyPr>
          <a:lstStyle/>
          <a:p>
            <a:pPr algn="ctr"/>
            <a:r>
              <a:rPr lang="en-US" sz="1400" b="1" dirty="0">
                <a:solidFill>
                  <a:srgbClr val="C00000"/>
                </a:solidFill>
                <a:latin typeface="Arial" panose="020B0604020202020204" pitchFamily="34" charset="0"/>
                <a:cs typeface="Arial" panose="020B0604020202020204" pitchFamily="34" charset="0"/>
              </a:rPr>
              <a:t>ASEAN-5</a:t>
            </a:r>
          </a:p>
        </p:txBody>
      </p:sp>
      <p:sp>
        <p:nvSpPr>
          <p:cNvPr id="6" name="TextBox 5"/>
          <p:cNvSpPr txBox="1"/>
          <p:nvPr/>
        </p:nvSpPr>
        <p:spPr>
          <a:xfrm>
            <a:off x="762000" y="1403487"/>
            <a:ext cx="7658100" cy="369332"/>
          </a:xfrm>
          <a:prstGeom prst="rect">
            <a:avLst/>
          </a:prstGeom>
          <a:noFill/>
        </p:spPr>
        <p:txBody>
          <a:bodyPr wrap="square" rtlCol="0">
            <a:spAutoFit/>
          </a:bodyPr>
          <a:lstStyle/>
          <a:p>
            <a:pPr algn="ctr"/>
            <a:r>
              <a:rPr lang="en-US" b="1" dirty="0">
                <a:solidFill>
                  <a:srgbClr val="C00000"/>
                </a:solidFill>
                <a:latin typeface="Arial" panose="020B0604020202020204" pitchFamily="34" charset="0"/>
                <a:cs typeface="Arial" panose="020B0604020202020204" pitchFamily="34" charset="0"/>
              </a:rPr>
              <a:t>Demand-side contributions to growth, selected economies, 2017</a:t>
            </a:r>
            <a:endParaRPr lang="en-US" dirty="0">
              <a:solidFill>
                <a:srgbClr val="C00000"/>
              </a:solidFill>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260027686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a:extLst>
              <a:ext uri="{FF2B5EF4-FFF2-40B4-BE49-F238E27FC236}">
                <a16:creationId xmlns:a16="http://schemas.microsoft.com/office/drawing/2014/main" id="{EF9B816D-49CF-48F3-8827-1E188D8B97AD}"/>
              </a:ext>
            </a:extLst>
          </p:cNvPr>
          <p:cNvSpPr>
            <a:spLocks noGrp="1"/>
          </p:cNvSpPr>
          <p:nvPr>
            <p:ph type="sldNum" sz="quarter" idx="12"/>
          </p:nvPr>
        </p:nvSpPr>
        <p:spPr>
          <a:xfrm>
            <a:off x="6715428" y="6549036"/>
            <a:ext cx="2133600" cy="231431"/>
          </a:xfrm>
        </p:spPr>
        <p:txBody>
          <a:bodyPr/>
          <a:lstStyle/>
          <a:p>
            <a:fld id="{2D2BA73B-819F-4F5C-A415-CC1AB3DC340A}" type="slidenum">
              <a:rPr lang="en-US" smtClean="0">
                <a:solidFill>
                  <a:schemeClr val="tx1"/>
                </a:solidFill>
              </a:rPr>
              <a:pPr/>
              <a:t>9</a:t>
            </a:fld>
            <a:endParaRPr lang="en-US" dirty="0">
              <a:solidFill>
                <a:schemeClr val="tx1"/>
              </a:solidFill>
            </a:endParaRPr>
          </a:p>
        </p:txBody>
      </p:sp>
      <p:sp>
        <p:nvSpPr>
          <p:cNvPr id="8" name="Title 1">
            <a:extLst>
              <a:ext uri="{FF2B5EF4-FFF2-40B4-BE49-F238E27FC236}">
                <a16:creationId xmlns:a16="http://schemas.microsoft.com/office/drawing/2014/main" id="{3A677D77-BC1B-4678-A081-11A431B8B716}"/>
              </a:ext>
            </a:extLst>
          </p:cNvPr>
          <p:cNvSpPr>
            <a:spLocks noGrp="1"/>
          </p:cNvSpPr>
          <p:nvPr>
            <p:ph type="title"/>
          </p:nvPr>
        </p:nvSpPr>
        <p:spPr>
          <a:xfrm>
            <a:off x="457200" y="161597"/>
            <a:ext cx="8229600" cy="992351"/>
          </a:xfrm>
        </p:spPr>
        <p:txBody>
          <a:bodyPr>
            <a:noAutofit/>
          </a:bodyPr>
          <a:lstStyle/>
          <a:p>
            <a:pPr algn="ctr"/>
            <a:r>
              <a:rPr lang="en-US" sz="3600" b="1" dirty="0">
                <a:latin typeface="Arial" panose="020B0604020202020204" pitchFamily="34" charset="0"/>
                <a:cs typeface="Arial" panose="020B0604020202020204" pitchFamily="34" charset="0"/>
              </a:rPr>
              <a:t>...and strong consumption set </a:t>
            </a:r>
            <a:br>
              <a:rPr lang="en-US" sz="3600" b="1" dirty="0">
                <a:latin typeface="Arial" panose="020B0604020202020204" pitchFamily="34" charset="0"/>
                <a:cs typeface="Arial" panose="020B0604020202020204" pitchFamily="34" charset="0"/>
              </a:rPr>
            </a:br>
            <a:r>
              <a:rPr lang="en-US" sz="3600" b="1" dirty="0">
                <a:latin typeface="Arial" panose="020B0604020202020204" pitchFamily="34" charset="0"/>
                <a:cs typeface="Arial" panose="020B0604020202020204" pitchFamily="34" charset="0"/>
              </a:rPr>
              <a:t>to continue</a:t>
            </a:r>
          </a:p>
        </p:txBody>
      </p:sp>
      <p:sp>
        <p:nvSpPr>
          <p:cNvPr id="10" name="TextBox 9">
            <a:extLst>
              <a:ext uri="{FF2B5EF4-FFF2-40B4-BE49-F238E27FC236}">
                <a16:creationId xmlns:a16="http://schemas.microsoft.com/office/drawing/2014/main" id="{FCB1544F-4EBF-49E3-A1B9-4954DD58CEB7}"/>
              </a:ext>
            </a:extLst>
          </p:cNvPr>
          <p:cNvSpPr txBox="1"/>
          <p:nvPr/>
        </p:nvSpPr>
        <p:spPr>
          <a:xfrm>
            <a:off x="469392" y="1300252"/>
            <a:ext cx="5410200" cy="400110"/>
          </a:xfrm>
          <a:prstGeom prst="rect">
            <a:avLst/>
          </a:prstGeom>
          <a:noFill/>
        </p:spPr>
        <p:txBody>
          <a:bodyPr wrap="square" rtlCol="0">
            <a:spAutoFit/>
          </a:bodyPr>
          <a:lstStyle/>
          <a:p>
            <a:r>
              <a:rPr lang="en-US" sz="2000" b="1" dirty="0">
                <a:solidFill>
                  <a:srgbClr val="0070C0"/>
                </a:solidFill>
                <a:latin typeface="Arial" panose="020B0604020202020204" pitchFamily="34" charset="0"/>
                <a:cs typeface="Arial" panose="020B0604020202020204" pitchFamily="34" charset="0"/>
              </a:rPr>
              <a:t>Consumer confidence index, % change</a:t>
            </a:r>
          </a:p>
        </p:txBody>
      </p:sp>
      <p:graphicFrame>
        <p:nvGraphicFramePr>
          <p:cNvPr id="6" name="Chart 5"/>
          <p:cNvGraphicFramePr/>
          <p:nvPr>
            <p:extLst>
              <p:ext uri="{D42A27DB-BD31-4B8C-83A1-F6EECF244321}">
                <p14:modId xmlns:p14="http://schemas.microsoft.com/office/powerpoint/2010/main" val="1240475526"/>
              </p:ext>
            </p:extLst>
          </p:nvPr>
        </p:nvGraphicFramePr>
        <p:xfrm>
          <a:off x="457200" y="1621018"/>
          <a:ext cx="4114800" cy="4064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 name="Chart 10"/>
          <p:cNvGraphicFramePr/>
          <p:nvPr>
            <p:extLst>
              <p:ext uri="{D42A27DB-BD31-4B8C-83A1-F6EECF244321}">
                <p14:modId xmlns:p14="http://schemas.microsoft.com/office/powerpoint/2010/main" val="2211774760"/>
              </p:ext>
            </p:extLst>
          </p:nvPr>
        </p:nvGraphicFramePr>
        <p:xfrm>
          <a:off x="4724400" y="1621018"/>
          <a:ext cx="4114800" cy="4064000"/>
        </p:xfrm>
        <a:graphic>
          <a:graphicData uri="http://schemas.openxmlformats.org/drawingml/2006/chart">
            <c:chart xmlns:c="http://schemas.openxmlformats.org/drawingml/2006/chart" xmlns:r="http://schemas.openxmlformats.org/officeDocument/2006/relationships" r:id="rId4"/>
          </a:graphicData>
        </a:graphic>
      </p:graphicFrame>
      <p:sp>
        <p:nvSpPr>
          <p:cNvPr id="9" name="Rectangle 8"/>
          <p:cNvSpPr/>
          <p:nvPr/>
        </p:nvSpPr>
        <p:spPr>
          <a:xfrm>
            <a:off x="338137" y="5551325"/>
            <a:ext cx="8382000" cy="938719"/>
          </a:xfrm>
          <a:prstGeom prst="rect">
            <a:avLst/>
          </a:prstGeom>
        </p:spPr>
        <p:txBody>
          <a:bodyPr wrap="square">
            <a:spAutoFit/>
          </a:bodyPr>
          <a:lstStyle/>
          <a:p>
            <a:r>
              <a:rPr lang="en-US" sz="1100" dirty="0">
                <a:latin typeface="Arial" panose="020B0604020202020204" pitchFamily="34" charset="0"/>
                <a:cs typeface="Arial" panose="020B0604020202020204" pitchFamily="34" charset="0"/>
              </a:rPr>
              <a:t>Notes: Data for Hong Kong, China; Malaysia and Philippines are on a quarterly basis. For the Philippines, the index refers to consumer expectations, computed as the percentage of households that answered in the affirmative less the percentage of households that answered in the negative. A positive (negative) CEI indicates a favorable (unfavorable) view. </a:t>
            </a:r>
          </a:p>
          <a:p>
            <a:endParaRPr lang="en-US" sz="1100" dirty="0">
              <a:latin typeface="Arial" panose="020B0604020202020204" pitchFamily="34" charset="0"/>
              <a:cs typeface="Arial" panose="020B0604020202020204" pitchFamily="34" charset="0"/>
            </a:endParaRPr>
          </a:p>
          <a:p>
            <a:r>
              <a:rPr lang="en-US" sz="1100" dirty="0">
                <a:latin typeface="Arial" panose="020B0604020202020204" pitchFamily="34" charset="0"/>
                <a:cs typeface="Arial" panose="020B0604020202020204" pitchFamily="34" charset="0"/>
              </a:rPr>
              <a:t>Source: Haver Analytics; CEIC Data Company (accessed 20 March 2018).</a:t>
            </a:r>
          </a:p>
        </p:txBody>
      </p:sp>
    </p:spTree>
    <p:extLst>
      <p:ext uri="{BB962C8B-B14F-4D97-AF65-F5344CB8AC3E}">
        <p14:creationId xmlns:p14="http://schemas.microsoft.com/office/powerpoint/2010/main" val="3925872092"/>
      </p:ext>
    </p:extLst>
  </p:cSld>
  <p:clrMapOvr>
    <a:masterClrMapping/>
  </p:clrMapOvr>
</p:sld>
</file>

<file path=ppt/theme/theme1.xml><?xml version="1.0" encoding="utf-8"?>
<a:theme xmlns:a="http://schemas.openxmlformats.org/drawingml/2006/main" name="ADO 2018 MAIN PPT templates">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0.xml><?xml version="1.0" encoding="utf-8"?>
<a:theme xmlns:a="http://schemas.openxmlformats.org/drawingml/2006/main" name="8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1.xml><?xml version="1.0" encoding="utf-8"?>
<a:theme xmlns:a="http://schemas.openxmlformats.org/drawingml/2006/main" name="9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2.xml><?xml version="1.0" encoding="utf-8"?>
<a:theme xmlns:a="http://schemas.openxmlformats.org/drawingml/2006/main" name="10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3.xml><?xml version="1.0" encoding="utf-8"?>
<a:theme xmlns:a="http://schemas.openxmlformats.org/drawingml/2006/main" name="11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4.xml><?xml version="1.0" encoding="utf-8"?>
<a:theme xmlns:a="http://schemas.openxmlformats.org/drawingml/2006/main" name="12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5.xml><?xml version="1.0" encoding="utf-8"?>
<a:theme xmlns:a="http://schemas.openxmlformats.org/drawingml/2006/main" name="1_ADO 2018 MAIN PPT templates">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6.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17.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1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2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3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4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7.xml><?xml version="1.0" encoding="utf-8"?>
<a:theme xmlns:a="http://schemas.openxmlformats.org/drawingml/2006/main" name="5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8.xml><?xml version="1.0" encoding="utf-8"?>
<a:theme xmlns:a="http://schemas.openxmlformats.org/drawingml/2006/main" name="6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9.xml><?xml version="1.0" encoding="utf-8"?>
<a:theme xmlns:a="http://schemas.openxmlformats.org/drawingml/2006/main" name="7_Custom Design">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docProps/app.xml><?xml version="1.0" encoding="utf-8"?>
<Properties xmlns="http://schemas.openxmlformats.org/officeDocument/2006/extended-properties" xmlns:vt="http://schemas.openxmlformats.org/officeDocument/2006/docPropsVTypes">
  <Template>ADO 2018 MAIN PPT templates</Template>
  <TotalTime>5734</TotalTime>
  <Words>1751</Words>
  <Application>Microsoft Office PowerPoint</Application>
  <PresentationFormat>On-screen Show (4:3)</PresentationFormat>
  <Paragraphs>371</Paragraphs>
  <Slides>26</Slides>
  <Notes>26</Notes>
  <HiddenSlides>0</HiddenSlides>
  <MMClips>0</MMClips>
  <ScaleCrop>false</ScaleCrop>
  <HeadingPairs>
    <vt:vector size="6" baseType="variant">
      <vt:variant>
        <vt:lpstr>Fonts Used</vt:lpstr>
      </vt:variant>
      <vt:variant>
        <vt:i4>9</vt:i4>
      </vt:variant>
      <vt:variant>
        <vt:lpstr>Theme</vt:lpstr>
      </vt:variant>
      <vt:variant>
        <vt:i4>15</vt:i4>
      </vt:variant>
      <vt:variant>
        <vt:lpstr>Slide Titles</vt:lpstr>
      </vt:variant>
      <vt:variant>
        <vt:i4>26</vt:i4>
      </vt:variant>
    </vt:vector>
  </HeadingPairs>
  <TitlesOfParts>
    <vt:vector size="50" baseType="lpstr">
      <vt:lpstr>Gulim</vt:lpstr>
      <vt:lpstr>맑은 고딕</vt:lpstr>
      <vt:lpstr>ＭＳ 明朝</vt:lpstr>
      <vt:lpstr>ＭＳ Ｐゴシック</vt:lpstr>
      <vt:lpstr>游ゴシック</vt:lpstr>
      <vt:lpstr>Arial</vt:lpstr>
      <vt:lpstr>Calibri</vt:lpstr>
      <vt:lpstr>Times New Roman</vt:lpstr>
      <vt:lpstr>Wingdings</vt:lpstr>
      <vt:lpstr>ADO 2018 MAIN PPT templates</vt:lpstr>
      <vt:lpstr>Custom Design</vt:lpstr>
      <vt:lpstr>1_Custom Design</vt:lpstr>
      <vt:lpstr>2_Custom Design</vt:lpstr>
      <vt:lpstr>3_Custom Design</vt:lpstr>
      <vt:lpstr>4_Custom Design</vt:lpstr>
      <vt:lpstr>5_Custom Design</vt:lpstr>
      <vt:lpstr>6_Custom Design</vt:lpstr>
      <vt:lpstr>7_Custom Design</vt:lpstr>
      <vt:lpstr>8_Custom Design</vt:lpstr>
      <vt:lpstr>9_Custom Design</vt:lpstr>
      <vt:lpstr>10_Custom Design</vt:lpstr>
      <vt:lpstr>11_Custom Design</vt:lpstr>
      <vt:lpstr>12_Custom Design</vt:lpstr>
      <vt:lpstr>1_ADO 2018 MAIN PPT templates</vt:lpstr>
      <vt:lpstr>PowerPoint Presentation</vt:lpstr>
      <vt:lpstr>PowerPoint Presentation</vt:lpstr>
      <vt:lpstr>Key messages</vt:lpstr>
      <vt:lpstr>Developing Asia continues its solid growth…</vt:lpstr>
      <vt:lpstr>…supported by robust growth in advanced economies</vt:lpstr>
      <vt:lpstr>Synchronized trade resurgence in 2017… </vt:lpstr>
      <vt:lpstr>...to continue at a more modest pace</vt:lpstr>
      <vt:lpstr>Domestic demand still the  main growth driver…</vt:lpstr>
      <vt:lpstr>...and strong consumption set  to continue</vt:lpstr>
      <vt:lpstr>PowerPoint Presentation</vt:lpstr>
      <vt:lpstr>PowerPoint Presentation</vt:lpstr>
      <vt:lpstr>India growth picks up as headwinds fade</vt:lpstr>
      <vt:lpstr>The pickup in global commodity prices...</vt:lpstr>
      <vt:lpstr>...will give a modest boost to inflation</vt:lpstr>
      <vt:lpstr>Risks to the outlook are on the downside</vt:lpstr>
      <vt:lpstr>Theme chapter: How Technology Affects Jobs</vt:lpstr>
      <vt:lpstr>Technological advancement drives higher productivity, the foundation for better-paid jobs and economic growth</vt:lpstr>
      <vt:lpstr>There are compelling reasons for optimism about developing Asia’s job prospects</vt:lpstr>
      <vt:lpstr>New technologies often involve automating specific tasks associated with a job, not the job in its entirety</vt:lpstr>
      <vt:lpstr>Industrial robots are concentrated in capital intensive sectors where employment shares are relatively small</vt:lpstr>
      <vt:lpstr>Rising demand offsets displacement driven by automation</vt:lpstr>
      <vt:lpstr>This countervailing force is at work across the region</vt:lpstr>
      <vt:lpstr>Technology leads to new occupations…  but these tend to be in non-routine cognitive category </vt:lpstr>
      <vt:lpstr>Wages grew more for non-routine cognitive workers, leaving low-skill workers behind</vt:lpstr>
      <vt:lpstr>Government has an important role to play in leveraging technological advances for inclusive growth</vt:lpstr>
      <vt:lpstr>Key messages</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Hp</dc:creator>
  <cp:lastModifiedBy>Maria Melissa Gregorio-Dela Paz</cp:lastModifiedBy>
  <cp:revision>412</cp:revision>
  <cp:lastPrinted>2018-04-10T03:12:20Z</cp:lastPrinted>
  <dcterms:created xsi:type="dcterms:W3CDTF">2018-03-15T03:12:09Z</dcterms:created>
  <dcterms:modified xsi:type="dcterms:W3CDTF">2018-04-11T05:29:50Z</dcterms:modified>
</cp:coreProperties>
</file>